
<file path=[Content_Types].xml><?xml version="1.0" encoding="utf-8"?>
<Types xmlns="http://schemas.openxmlformats.org/package/2006/content-types">
  <Default Extension="bin" ContentType="image/jpe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2.xml" ContentType="application/vnd.openxmlformats-officedocument.presentationml.notesSlide+xml"/>
  <Override PartName="/ppt/tags/tag7.xml" ContentType="application/vnd.openxmlformats-officedocument.presentationml.tags+xml"/>
  <Override PartName="/ppt/notesSlides/notesSlide3.xml" ContentType="application/vnd.openxmlformats-officedocument.presentationml.notesSlide+xml"/>
  <Override PartName="/ppt/tags/tag8.xml" ContentType="application/vnd.openxmlformats-officedocument.presentationml.tags+xml"/>
  <Override PartName="/ppt/notesSlides/notesSlide4.xml" ContentType="application/vnd.openxmlformats-officedocument.presentationml.notesSlide+xml"/>
  <Override PartName="/ppt/tags/tag9.xml" ContentType="application/vnd.openxmlformats-officedocument.presentationml.tags+xml"/>
  <Override PartName="/ppt/notesSlides/notesSlide5.xml" ContentType="application/vnd.openxmlformats-officedocument.presentationml.notesSlide+xml"/>
  <Override PartName="/ppt/tags/tag10.xml" ContentType="application/vnd.openxmlformats-officedocument.presentationml.tags+xml"/>
  <Override PartName="/ppt/notesSlides/notesSlide6.xml" ContentType="application/vnd.openxmlformats-officedocument.presentationml.notesSlide+xml"/>
  <Override PartName="/ppt/media/image17.bin" ContentType="image/png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4"/>
    <p:sldMasterId id="2147483679" r:id="rId5"/>
  </p:sldMasterIdLst>
  <p:notesMasterIdLst>
    <p:notesMasterId r:id="rId16"/>
  </p:notesMasterIdLst>
  <p:handoutMasterIdLst>
    <p:handoutMasterId r:id="rId17"/>
  </p:handoutMasterIdLst>
  <p:sldIdLst>
    <p:sldId id="469" r:id="rId6"/>
    <p:sldId id="417" r:id="rId7"/>
    <p:sldId id="329" r:id="rId8"/>
    <p:sldId id="762" r:id="rId9"/>
    <p:sldId id="310" r:id="rId10"/>
    <p:sldId id="766" r:id="rId11"/>
    <p:sldId id="761" r:id="rId12"/>
    <p:sldId id="256" r:id="rId13"/>
    <p:sldId id="768" r:id="rId14"/>
    <p:sldId id="767" r:id="rId15"/>
  </p:sldIdLst>
  <p:sldSz cx="12192000" cy="6858000"/>
  <p:notesSz cx="6858000" cy="9144000"/>
  <p:embeddedFontLs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Museo Slab 500" panose="02000000000000000000" charset="0"/>
      <p:regular r:id="rId22"/>
      <p:bold r:id="rId23"/>
      <p:italic r:id="rId24"/>
      <p:boldItalic r:id="rId25"/>
    </p:embeddedFont>
    <p:embeddedFont>
      <p:font typeface="Verdana" panose="020B0604030504040204" pitchFamily="34" charset="0"/>
      <p:regular r:id="rId26"/>
      <p:bold r:id="rId27"/>
      <p:italic r:id="rId28"/>
      <p:boldItalic r:id="rId29"/>
    </p:embeddedFont>
    <p:embeddedFont>
      <p:font typeface="VF Museo Rounded For Office" panose="02000503030000020004" pitchFamily="2" charset="0"/>
      <p:regular r:id="rId30"/>
      <p:bold r:id="rId31"/>
      <p:italic r:id="rId32"/>
      <p:boldItalic r:id="rId33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006961"/>
    <a:srgbClr val="005A7E"/>
    <a:srgbClr val="94C0BD"/>
    <a:srgbClr val="CFE3E1"/>
    <a:srgbClr val="E86828"/>
    <a:srgbClr val="3C91AF"/>
    <a:srgbClr val="7BC3E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B724BA2-6309-493C-B65A-E886DA410F88}" v="175" dt="2021-09-21T17:26:15.206"/>
  </p1510:revLst>
</p1510:revInfo>
</file>

<file path=ppt/tableStyles.xml><?xml version="1.0" encoding="utf-8"?>
<a:tblStyleLst xmlns:a="http://schemas.openxmlformats.org/drawingml/2006/main" def="{7DF18680-E054-41AD-8BC1-D1AEF772440D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SorterView">
  <p:normalViewPr>
    <p:restoredLeft sz="15620"/>
    <p:restoredTop sz="94660"/>
  </p:normalViewPr>
  <p:slideViewPr>
    <p:cSldViewPr snapToGrid="0">
      <p:cViewPr>
        <p:scale>
          <a:sx n="66" d="100"/>
          <a:sy n="66" d="100"/>
        </p:scale>
        <p:origin x="1080" y="-1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-2720"/>
    </p:cViewPr>
  </p:sorterViewPr>
  <p:notesViewPr>
    <p:cSldViewPr snapToGrid="0">
      <p:cViewPr>
        <p:scale>
          <a:sx n="1" d="2"/>
          <a:sy n="1" d="2"/>
        </p:scale>
        <p:origin x="0" y="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9" Type="http://schemas.microsoft.com/office/2015/10/relationships/revisionInfo" Target="revisionInfo.xml"/><Relationship Id="rId21" Type="http://schemas.openxmlformats.org/officeDocument/2006/relationships/font" Target="fonts/font4.fntdata"/><Relationship Id="rId34" Type="http://schemas.openxmlformats.org/officeDocument/2006/relationships/presProps" Target="pres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handoutMaster" Target="handoutMasters/handoutMaster1.xml"/><Relationship Id="rId25" Type="http://schemas.openxmlformats.org/officeDocument/2006/relationships/font" Target="fonts/font8.fntdata"/><Relationship Id="rId33" Type="http://schemas.openxmlformats.org/officeDocument/2006/relationships/font" Target="fonts/font16.fntdata"/><Relationship Id="rId38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font" Target="fonts/font3.fntdata"/><Relationship Id="rId29" Type="http://schemas.openxmlformats.org/officeDocument/2006/relationships/font" Target="fonts/font12.fntdata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font" Target="fonts/font7.fntdata"/><Relationship Id="rId32" Type="http://schemas.openxmlformats.org/officeDocument/2006/relationships/font" Target="fonts/font15.fntdata"/><Relationship Id="rId37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font" Target="fonts/font6.fntdata"/><Relationship Id="rId28" Type="http://schemas.openxmlformats.org/officeDocument/2006/relationships/font" Target="fonts/font11.fntdata"/><Relationship Id="rId36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font" Target="fonts/font2.fntdata"/><Relationship Id="rId31" Type="http://schemas.openxmlformats.org/officeDocument/2006/relationships/font" Target="fonts/font14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font" Target="fonts/font5.fntdata"/><Relationship Id="rId27" Type="http://schemas.openxmlformats.org/officeDocument/2006/relationships/font" Target="fonts/font10.fntdata"/><Relationship Id="rId30" Type="http://schemas.openxmlformats.org/officeDocument/2006/relationships/font" Target="fonts/font13.fntdata"/><Relationship Id="rId35" Type="http://schemas.openxmlformats.org/officeDocument/2006/relationships/viewProps" Target="viewProps.xml"/><Relationship Id="rId8" Type="http://schemas.openxmlformats.org/officeDocument/2006/relationships/slide" Target="slides/slide3.xml"/><Relationship Id="rId3" Type="http://schemas.openxmlformats.org/officeDocument/2006/relationships/customXml" Target="../customXml/item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Trine Løve" userId="8afeae00-0153-486f-a2f2-a2f4ed9fa5f7" providerId="ADAL" clId="{EB724BA2-6309-493C-B65A-E886DA410F88}"/>
    <pc:docChg chg="undo custSel addSld delSld modSld sldOrd">
      <pc:chgData name="Trine Løve" userId="8afeae00-0153-486f-a2f2-a2f4ed9fa5f7" providerId="ADAL" clId="{EB724BA2-6309-493C-B65A-E886DA410F88}" dt="2021-09-21T17:32:36.883" v="3238" actId="729"/>
      <pc:docMkLst>
        <pc:docMk/>
      </pc:docMkLst>
      <pc:sldChg chg="modSp add del mod">
        <pc:chgData name="Trine Løve" userId="8afeae00-0153-486f-a2f2-a2f4ed9fa5f7" providerId="ADAL" clId="{EB724BA2-6309-493C-B65A-E886DA410F88}" dt="2021-09-21T15:34:23.233" v="1502" actId="47"/>
        <pc:sldMkLst>
          <pc:docMk/>
          <pc:sldMk cId="2682186613" sldId="256"/>
        </pc:sldMkLst>
        <pc:spChg chg="mod">
          <ac:chgData name="Trine Løve" userId="8afeae00-0153-486f-a2f2-a2f4ed9fa5f7" providerId="ADAL" clId="{EB724BA2-6309-493C-B65A-E886DA410F88}" dt="2021-09-21T15:33:22.549" v="1457"/>
          <ac:spMkLst>
            <pc:docMk/>
            <pc:sldMk cId="2682186613" sldId="256"/>
            <ac:spMk id="2" creationId="{1E0CF0F7-547A-4867-9931-22AA15CABA04}"/>
          </ac:spMkLst>
        </pc:spChg>
        <pc:spChg chg="mod">
          <ac:chgData name="Trine Løve" userId="8afeae00-0153-486f-a2f2-a2f4ed9fa5f7" providerId="ADAL" clId="{EB724BA2-6309-493C-B65A-E886DA410F88}" dt="2021-09-21T15:33:22.549" v="1459"/>
          <ac:spMkLst>
            <pc:docMk/>
            <pc:sldMk cId="2682186613" sldId="256"/>
            <ac:spMk id="3" creationId="{A60E9F5F-2704-4654-BD28-6DDF9E7F1EA3}"/>
          </ac:spMkLst>
        </pc:spChg>
        <pc:spChg chg="mod">
          <ac:chgData name="Trine Løve" userId="8afeae00-0153-486f-a2f2-a2f4ed9fa5f7" providerId="ADAL" clId="{EB724BA2-6309-493C-B65A-E886DA410F88}" dt="2021-09-21T15:33:22.550" v="1461"/>
          <ac:spMkLst>
            <pc:docMk/>
            <pc:sldMk cId="2682186613" sldId="256"/>
            <ac:spMk id="5" creationId="{968692F5-EF8A-497F-8B64-BD04C074EF49}"/>
          </ac:spMkLst>
        </pc:spChg>
        <pc:picChg chg="mod modCrop">
          <ac:chgData name="Trine Løve" userId="8afeae00-0153-486f-a2f2-a2f4ed9fa5f7" providerId="ADAL" clId="{EB724BA2-6309-493C-B65A-E886DA410F88}" dt="2021-09-21T15:33:22.551" v="1464"/>
          <ac:picMkLst>
            <pc:docMk/>
            <pc:sldMk cId="2682186613" sldId="256"/>
            <ac:picMk id="6" creationId="{33010AB9-BDA4-41C2-96BC-B09339C4AFF6}"/>
          </ac:picMkLst>
        </pc:picChg>
        <pc:picChg chg="mod modCrop">
          <ac:chgData name="Trine Løve" userId="8afeae00-0153-486f-a2f2-a2f4ed9fa5f7" providerId="ADAL" clId="{EB724BA2-6309-493C-B65A-E886DA410F88}" dt="2021-09-21T15:33:22.553" v="1469"/>
          <ac:picMkLst>
            <pc:docMk/>
            <pc:sldMk cId="2682186613" sldId="256"/>
            <ac:picMk id="11" creationId="{C93954B3-6848-451D-BF2A-7281EC8A72F3}"/>
          </ac:picMkLst>
        </pc:picChg>
        <pc:cxnChg chg="mod">
          <ac:chgData name="Trine Løve" userId="8afeae00-0153-486f-a2f2-a2f4ed9fa5f7" providerId="ADAL" clId="{EB724BA2-6309-493C-B65A-E886DA410F88}" dt="2021-09-21T15:33:22.552" v="1466"/>
          <ac:cxnSpMkLst>
            <pc:docMk/>
            <pc:sldMk cId="2682186613" sldId="256"/>
            <ac:cxnSpMk id="8" creationId="{0D25D093-B362-43F2-AB4A-12402B9A5017}"/>
          </ac:cxnSpMkLst>
        </pc:cxnChg>
      </pc:sldChg>
      <pc:sldChg chg="modSp add mod ord modShow">
        <pc:chgData name="Trine Løve" userId="8afeae00-0153-486f-a2f2-a2f4ed9fa5f7" providerId="ADAL" clId="{EB724BA2-6309-493C-B65A-E886DA410F88}" dt="2021-09-21T17:32:36.883" v="3238" actId="729"/>
        <pc:sldMkLst>
          <pc:docMk/>
          <pc:sldMk cId="3656673064" sldId="256"/>
        </pc:sldMkLst>
        <pc:spChg chg="mod">
          <ac:chgData name="Trine Løve" userId="8afeae00-0153-486f-a2f2-a2f4ed9fa5f7" providerId="ADAL" clId="{EB724BA2-6309-493C-B65A-E886DA410F88}" dt="2021-09-21T17:26:15.204" v="3186"/>
          <ac:spMkLst>
            <pc:docMk/>
            <pc:sldMk cId="3656673064" sldId="256"/>
            <ac:spMk id="2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26:15.206" v="3190"/>
          <ac:spMkLst>
            <pc:docMk/>
            <pc:sldMk cId="3656673064" sldId="256"/>
            <ac:spMk id="23" creationId="{00000000-0000-0000-0000-000000000000}"/>
          </ac:spMkLst>
        </pc:spChg>
        <pc:grpChg chg="mod">
          <ac:chgData name="Trine Løve" userId="8afeae00-0153-486f-a2f2-a2f4ed9fa5f7" providerId="ADAL" clId="{EB724BA2-6309-493C-B65A-E886DA410F88}" dt="2021-09-21T17:26:15.205" v="3188"/>
          <ac:grpSpMkLst>
            <pc:docMk/>
            <pc:sldMk cId="3656673064" sldId="256"/>
            <ac:grpSpMk id="3" creationId="{00000000-0000-0000-0000-000000000000}"/>
          </ac:grpSpMkLst>
        </pc:grpChg>
      </pc:sldChg>
      <pc:sldChg chg="del">
        <pc:chgData name="Trine Løve" userId="8afeae00-0153-486f-a2f2-a2f4ed9fa5f7" providerId="ADAL" clId="{EB724BA2-6309-493C-B65A-E886DA410F88}" dt="2021-09-21T15:12:30.843" v="175" actId="47"/>
        <pc:sldMkLst>
          <pc:docMk/>
          <pc:sldMk cId="2691698837" sldId="271"/>
        </pc:sldMkLst>
      </pc:sldChg>
      <pc:sldChg chg="del">
        <pc:chgData name="Trine Løve" userId="8afeae00-0153-486f-a2f2-a2f4ed9fa5f7" providerId="ADAL" clId="{EB724BA2-6309-493C-B65A-E886DA410F88}" dt="2021-09-21T07:11:24.278" v="157" actId="47"/>
        <pc:sldMkLst>
          <pc:docMk/>
          <pc:sldMk cId="3403969425" sldId="310"/>
        </pc:sldMkLst>
      </pc:sldChg>
      <pc:sldChg chg="modSp add mod">
        <pc:chgData name="Trine Løve" userId="8afeae00-0153-486f-a2f2-a2f4ed9fa5f7" providerId="ADAL" clId="{EB724BA2-6309-493C-B65A-E886DA410F88}" dt="2021-09-21T16:58:36.172" v="2022" actId="1076"/>
        <pc:sldMkLst>
          <pc:docMk/>
          <pc:sldMk cId="3987561079" sldId="310"/>
        </pc:sldMkLst>
        <pc:spChg chg="mod">
          <ac:chgData name="Trine Løve" userId="8afeae00-0153-486f-a2f2-a2f4ed9fa5f7" providerId="ADAL" clId="{EB724BA2-6309-493C-B65A-E886DA410F88}" dt="2021-09-21T16:58:36.172" v="2022" actId="1076"/>
          <ac:spMkLst>
            <pc:docMk/>
            <pc:sldMk cId="3987561079" sldId="310"/>
            <ac:spMk id="5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6:58:34.171" v="2021" actId="14100"/>
          <ac:spMkLst>
            <pc:docMk/>
            <pc:sldMk cId="3987561079" sldId="310"/>
            <ac:spMk id="12" creationId="{00000000-0000-0000-0000-000000000000}"/>
          </ac:spMkLst>
        </pc:spChg>
      </pc:sldChg>
      <pc:sldChg chg="del">
        <pc:chgData name="Trine Løve" userId="8afeae00-0153-486f-a2f2-a2f4ed9fa5f7" providerId="ADAL" clId="{EB724BA2-6309-493C-B65A-E886DA410F88}" dt="2021-09-21T16:35:12.861" v="1717" actId="47"/>
        <pc:sldMkLst>
          <pc:docMk/>
          <pc:sldMk cId="1561782468" sldId="324"/>
        </pc:sldMkLst>
      </pc:sldChg>
      <pc:sldChg chg="ord">
        <pc:chgData name="Trine Løve" userId="8afeae00-0153-486f-a2f2-a2f4ed9fa5f7" providerId="ADAL" clId="{EB724BA2-6309-493C-B65A-E886DA410F88}" dt="2021-09-21T15:18:29.687" v="445"/>
        <pc:sldMkLst>
          <pc:docMk/>
          <pc:sldMk cId="4247356457" sldId="329"/>
        </pc:sldMkLst>
      </pc:sldChg>
      <pc:sldChg chg="addSp delSp modSp add del mod">
        <pc:chgData name="Trine Løve" userId="8afeae00-0153-486f-a2f2-a2f4ed9fa5f7" providerId="ADAL" clId="{EB724BA2-6309-493C-B65A-E886DA410F88}" dt="2021-09-21T17:29:19.762" v="3226" actId="47"/>
        <pc:sldMkLst>
          <pc:docMk/>
          <pc:sldMk cId="3608886452" sldId="348"/>
        </pc:sldMkLst>
        <pc:spChg chg="mod">
          <ac:chgData name="Trine Løve" userId="8afeae00-0153-486f-a2f2-a2f4ed9fa5f7" providerId="ADAL" clId="{EB724BA2-6309-493C-B65A-E886DA410F88}" dt="2021-09-21T17:04:30.215" v="2345" actId="20577"/>
          <ac:spMkLst>
            <pc:docMk/>
            <pc:sldMk cId="3608886452" sldId="348"/>
            <ac:spMk id="4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09:27.333" v="2593" actId="1076"/>
          <ac:spMkLst>
            <pc:docMk/>
            <pc:sldMk cId="3608886452" sldId="348"/>
            <ac:spMk id="6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13:32.022" v="2976" actId="1035"/>
          <ac:spMkLst>
            <pc:docMk/>
            <pc:sldMk cId="3608886452" sldId="348"/>
            <ac:spMk id="9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14:13.367" v="3018" actId="6549"/>
          <ac:spMkLst>
            <pc:docMk/>
            <pc:sldMk cId="3608886452" sldId="348"/>
            <ac:spMk id="11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15:30.437" v="3109" actId="1035"/>
          <ac:spMkLst>
            <pc:docMk/>
            <pc:sldMk cId="3608886452" sldId="348"/>
            <ac:spMk id="41" creationId="{00000000-0000-0000-0000-000000000000}"/>
          </ac:spMkLst>
        </pc:spChg>
        <pc:grpChg chg="add del mod">
          <ac:chgData name="Trine Løve" userId="8afeae00-0153-486f-a2f2-a2f4ed9fa5f7" providerId="ADAL" clId="{EB724BA2-6309-493C-B65A-E886DA410F88}" dt="2021-09-21T17:07:17.686" v="2501" actId="478"/>
          <ac:grpSpMkLst>
            <pc:docMk/>
            <pc:sldMk cId="3608886452" sldId="348"/>
            <ac:grpSpMk id="12" creationId="{00000000-0000-0000-0000-000000000000}"/>
          </ac:grpSpMkLst>
        </pc:grpChg>
        <pc:grpChg chg="add del">
          <ac:chgData name="Trine Løve" userId="8afeae00-0153-486f-a2f2-a2f4ed9fa5f7" providerId="ADAL" clId="{EB724BA2-6309-493C-B65A-E886DA410F88}" dt="2021-09-21T17:08:08.346" v="2557" actId="478"/>
          <ac:grpSpMkLst>
            <pc:docMk/>
            <pc:sldMk cId="3608886452" sldId="348"/>
            <ac:grpSpMk id="17" creationId="{00000000-0000-0000-0000-000000000000}"/>
          </ac:grpSpMkLst>
        </pc:grpChg>
        <pc:grpChg chg="del">
          <ac:chgData name="Trine Løve" userId="8afeae00-0153-486f-a2f2-a2f4ed9fa5f7" providerId="ADAL" clId="{EB724BA2-6309-493C-B65A-E886DA410F88}" dt="2021-09-21T17:09:04.887" v="2586" actId="478"/>
          <ac:grpSpMkLst>
            <pc:docMk/>
            <pc:sldMk cId="3608886452" sldId="348"/>
            <ac:grpSpMk id="21" creationId="{00000000-0000-0000-0000-000000000000}"/>
          </ac:grpSpMkLst>
        </pc:grpChg>
        <pc:grpChg chg="del">
          <ac:chgData name="Trine Løve" userId="8afeae00-0153-486f-a2f2-a2f4ed9fa5f7" providerId="ADAL" clId="{EB724BA2-6309-493C-B65A-E886DA410F88}" dt="2021-09-21T17:10:30.543" v="2674" actId="478"/>
          <ac:grpSpMkLst>
            <pc:docMk/>
            <pc:sldMk cId="3608886452" sldId="348"/>
            <ac:grpSpMk id="38" creationId="{00000000-0000-0000-0000-000000000000}"/>
          </ac:grpSpMkLst>
        </pc:grpChg>
        <pc:picChg chg="mod">
          <ac:chgData name="Trine Løve" userId="8afeae00-0153-486f-a2f2-a2f4ed9fa5f7" providerId="ADAL" clId="{EB724BA2-6309-493C-B65A-E886DA410F88}" dt="2021-09-21T17:11:13.250" v="2713" actId="1076"/>
          <ac:picMkLst>
            <pc:docMk/>
            <pc:sldMk cId="3608886452" sldId="348"/>
            <ac:picMk id="5" creationId="{00000000-0000-0000-0000-000000000000}"/>
          </ac:picMkLst>
        </pc:picChg>
        <pc:picChg chg="add mod">
          <ac:chgData name="Trine Løve" userId="8afeae00-0153-486f-a2f2-a2f4ed9fa5f7" providerId="ADAL" clId="{EB724BA2-6309-493C-B65A-E886DA410F88}" dt="2021-09-21T17:12:17.784" v="2864" actId="14100"/>
          <ac:picMkLst>
            <pc:docMk/>
            <pc:sldMk cId="3608886452" sldId="348"/>
            <ac:picMk id="7" creationId="{B03A1241-6839-4344-9F17-57C51C04C500}"/>
          </ac:picMkLst>
        </pc:picChg>
        <pc:picChg chg="add mod">
          <ac:chgData name="Trine Løve" userId="8afeae00-0153-486f-a2f2-a2f4ed9fa5f7" providerId="ADAL" clId="{EB724BA2-6309-493C-B65A-E886DA410F88}" dt="2021-09-21T17:13:24.496" v="2969" actId="1037"/>
          <ac:picMkLst>
            <pc:docMk/>
            <pc:sldMk cId="3608886452" sldId="348"/>
            <ac:picMk id="8" creationId="{E9A87984-CE81-4603-913C-7DEED28F52F6}"/>
          </ac:picMkLst>
        </pc:picChg>
        <pc:picChg chg="add mod">
          <ac:chgData name="Trine Løve" userId="8afeae00-0153-486f-a2f2-a2f4ed9fa5f7" providerId="ADAL" clId="{EB724BA2-6309-493C-B65A-E886DA410F88}" dt="2021-09-21T17:15:42.601" v="3110" actId="1037"/>
          <ac:picMkLst>
            <pc:docMk/>
            <pc:sldMk cId="3608886452" sldId="348"/>
            <ac:picMk id="10" creationId="{1F2EC379-83BE-4CF3-8CCD-EE4CC0460CC5}"/>
          </ac:picMkLst>
        </pc:picChg>
        <pc:picChg chg="add del mod">
          <ac:chgData name="Trine Løve" userId="8afeae00-0153-486f-a2f2-a2f4ed9fa5f7" providerId="ADAL" clId="{EB724BA2-6309-493C-B65A-E886DA410F88}" dt="2021-09-21T17:10:40.371" v="2710" actId="478"/>
          <ac:picMkLst>
            <pc:docMk/>
            <pc:sldMk cId="3608886452" sldId="348"/>
            <ac:picMk id="42" creationId="{8B0014A6-948D-4EA6-8146-3D955B3A732A}"/>
          </ac:picMkLst>
        </pc:picChg>
        <pc:picChg chg="add del mod">
          <ac:chgData name="Trine Løve" userId="8afeae00-0153-486f-a2f2-a2f4ed9fa5f7" providerId="ADAL" clId="{EB724BA2-6309-493C-B65A-E886DA410F88}" dt="2021-09-21T17:11:51.349" v="2780" actId="478"/>
          <ac:picMkLst>
            <pc:docMk/>
            <pc:sldMk cId="3608886452" sldId="348"/>
            <ac:picMk id="43" creationId="{EC2DB646-8C95-4C98-984C-C93497D3681C}"/>
          </ac:picMkLst>
        </pc:picChg>
        <pc:picChg chg="add mod">
          <ac:chgData name="Trine Løve" userId="8afeae00-0153-486f-a2f2-a2f4ed9fa5f7" providerId="ADAL" clId="{EB724BA2-6309-493C-B65A-E886DA410F88}" dt="2021-09-21T17:12:33.339" v="2876" actId="1037"/>
          <ac:picMkLst>
            <pc:docMk/>
            <pc:sldMk cId="3608886452" sldId="348"/>
            <ac:picMk id="44" creationId="{FB9B5AB2-171E-4A98-8388-338F12F51C62}"/>
          </ac:picMkLst>
        </pc:picChg>
        <pc:picChg chg="add mod">
          <ac:chgData name="Trine Løve" userId="8afeae00-0153-486f-a2f2-a2f4ed9fa5f7" providerId="ADAL" clId="{EB724BA2-6309-493C-B65A-E886DA410F88}" dt="2021-09-21T17:13:13.065" v="2964" actId="1037"/>
          <ac:picMkLst>
            <pc:docMk/>
            <pc:sldMk cId="3608886452" sldId="348"/>
            <ac:picMk id="45" creationId="{BC576291-0445-4A97-812D-E08255824E6A}"/>
          </ac:picMkLst>
        </pc:picChg>
      </pc:sldChg>
      <pc:sldChg chg="del">
        <pc:chgData name="Trine Løve" userId="8afeae00-0153-486f-a2f2-a2f4ed9fa5f7" providerId="ADAL" clId="{EB724BA2-6309-493C-B65A-E886DA410F88}" dt="2021-09-21T16:36:03.889" v="1720" actId="47"/>
        <pc:sldMkLst>
          <pc:docMk/>
          <pc:sldMk cId="2800637857" sldId="390"/>
        </pc:sldMkLst>
      </pc:sldChg>
      <pc:sldChg chg="del">
        <pc:chgData name="Trine Løve" userId="8afeae00-0153-486f-a2f2-a2f4ed9fa5f7" providerId="ADAL" clId="{EB724BA2-6309-493C-B65A-E886DA410F88}" dt="2021-09-21T07:11:28.841" v="163" actId="47"/>
        <pc:sldMkLst>
          <pc:docMk/>
          <pc:sldMk cId="983324841" sldId="395"/>
        </pc:sldMkLst>
      </pc:sldChg>
      <pc:sldChg chg="del ord">
        <pc:chgData name="Trine Løve" userId="8afeae00-0153-486f-a2f2-a2f4ed9fa5f7" providerId="ADAL" clId="{EB724BA2-6309-493C-B65A-E886DA410F88}" dt="2021-09-21T16:37:37.324" v="1726" actId="47"/>
        <pc:sldMkLst>
          <pc:docMk/>
          <pc:sldMk cId="3278701559" sldId="400"/>
        </pc:sldMkLst>
      </pc:sldChg>
      <pc:sldChg chg="modSp del mod ord">
        <pc:chgData name="Trine Løve" userId="8afeae00-0153-486f-a2f2-a2f4ed9fa5f7" providerId="ADAL" clId="{EB724BA2-6309-493C-B65A-E886DA410F88}" dt="2021-09-21T17:15:58.063" v="3112" actId="47"/>
        <pc:sldMkLst>
          <pc:docMk/>
          <pc:sldMk cId="435677715" sldId="404"/>
        </pc:sldMkLst>
        <pc:spChg chg="mod">
          <ac:chgData name="Trine Løve" userId="8afeae00-0153-486f-a2f2-a2f4ed9fa5f7" providerId="ADAL" clId="{EB724BA2-6309-493C-B65A-E886DA410F88}" dt="2021-09-21T17:07:50.172" v="2556" actId="1076"/>
          <ac:spMkLst>
            <pc:docMk/>
            <pc:sldMk cId="435677715" sldId="404"/>
            <ac:spMk id="30" creationId="{5499164B-81CC-400F-9878-02234B5F52E7}"/>
          </ac:spMkLst>
        </pc:spChg>
        <pc:spChg chg="mod">
          <ac:chgData name="Trine Løve" userId="8afeae00-0153-486f-a2f2-a2f4ed9fa5f7" providerId="ADAL" clId="{EB724BA2-6309-493C-B65A-E886DA410F88}" dt="2021-09-21T17:07:50.172" v="2556" actId="1076"/>
          <ac:spMkLst>
            <pc:docMk/>
            <pc:sldMk cId="435677715" sldId="404"/>
            <ac:spMk id="31" creationId="{FF2F82EA-07C4-4908-B145-E158C6977A63}"/>
          </ac:spMkLst>
        </pc:spChg>
        <pc:spChg chg="mod">
          <ac:chgData name="Trine Løve" userId="8afeae00-0153-486f-a2f2-a2f4ed9fa5f7" providerId="ADAL" clId="{EB724BA2-6309-493C-B65A-E886DA410F88}" dt="2021-09-21T16:42:30.212" v="1751" actId="6549"/>
          <ac:spMkLst>
            <pc:docMk/>
            <pc:sldMk cId="435677715" sldId="404"/>
            <ac:spMk id="34" creationId="{11D77C68-5623-44B4-B8B3-0A75B493ED6F}"/>
          </ac:spMkLst>
        </pc:spChg>
        <pc:spChg chg="mod">
          <ac:chgData name="Trine Løve" userId="8afeae00-0153-486f-a2f2-a2f4ed9fa5f7" providerId="ADAL" clId="{EB724BA2-6309-493C-B65A-E886DA410F88}" dt="2021-09-21T17:07:10.030" v="2499" actId="1076"/>
          <ac:spMkLst>
            <pc:docMk/>
            <pc:sldMk cId="435677715" sldId="404"/>
            <ac:spMk id="36" creationId="{93E7DC4D-C017-4CE1-9C76-4405F00D1F66}"/>
          </ac:spMkLst>
        </pc:spChg>
        <pc:spChg chg="mod">
          <ac:chgData name="Trine Løve" userId="8afeae00-0153-486f-a2f2-a2f4ed9fa5f7" providerId="ADAL" clId="{EB724BA2-6309-493C-B65A-E886DA410F88}" dt="2021-09-21T17:07:10.030" v="2499" actId="1076"/>
          <ac:spMkLst>
            <pc:docMk/>
            <pc:sldMk cId="435677715" sldId="404"/>
            <ac:spMk id="37" creationId="{E74ADF9C-A2F0-456D-82DB-2B9BFE8E706F}"/>
          </ac:spMkLst>
        </pc:spChg>
        <pc:spChg chg="mod">
          <ac:chgData name="Trine Løve" userId="8afeae00-0153-486f-a2f2-a2f4ed9fa5f7" providerId="ADAL" clId="{EB724BA2-6309-493C-B65A-E886DA410F88}" dt="2021-09-21T17:07:10.030" v="2499" actId="1076"/>
          <ac:spMkLst>
            <pc:docMk/>
            <pc:sldMk cId="435677715" sldId="404"/>
            <ac:spMk id="38" creationId="{AB5DC7CA-2C87-4E5F-9275-C3F03E5D2288}"/>
          </ac:spMkLst>
        </pc:spChg>
        <pc:spChg chg="mod">
          <ac:chgData name="Trine Løve" userId="8afeae00-0153-486f-a2f2-a2f4ed9fa5f7" providerId="ADAL" clId="{EB724BA2-6309-493C-B65A-E886DA410F88}" dt="2021-09-21T17:07:10.030" v="2499" actId="1076"/>
          <ac:spMkLst>
            <pc:docMk/>
            <pc:sldMk cId="435677715" sldId="404"/>
            <ac:spMk id="39" creationId="{7AB7352D-3A9A-4962-AE79-8234C40431F7}"/>
          </ac:spMkLst>
        </pc:spChg>
        <pc:spChg chg="mod">
          <ac:chgData name="Trine Løve" userId="8afeae00-0153-486f-a2f2-a2f4ed9fa5f7" providerId="ADAL" clId="{EB724BA2-6309-493C-B65A-E886DA410F88}" dt="2021-09-21T17:07:10.030" v="2499" actId="1076"/>
          <ac:spMkLst>
            <pc:docMk/>
            <pc:sldMk cId="435677715" sldId="404"/>
            <ac:spMk id="40" creationId="{A4F4FFA5-6409-4343-92EA-036A761FD612}"/>
          </ac:spMkLst>
        </pc:spChg>
        <pc:spChg chg="mod">
          <ac:chgData name="Trine Løve" userId="8afeae00-0153-486f-a2f2-a2f4ed9fa5f7" providerId="ADAL" clId="{EB724BA2-6309-493C-B65A-E886DA410F88}" dt="2021-09-21T17:07:10.030" v="2499" actId="1076"/>
          <ac:spMkLst>
            <pc:docMk/>
            <pc:sldMk cId="435677715" sldId="404"/>
            <ac:spMk id="41" creationId="{2F2CCC61-7168-42B1-95EA-399C59A61C46}"/>
          </ac:spMkLst>
        </pc:spChg>
        <pc:spChg chg="mod">
          <ac:chgData name="Trine Løve" userId="8afeae00-0153-486f-a2f2-a2f4ed9fa5f7" providerId="ADAL" clId="{EB724BA2-6309-493C-B65A-E886DA410F88}" dt="2021-09-21T17:07:10.030" v="2499" actId="1076"/>
          <ac:spMkLst>
            <pc:docMk/>
            <pc:sldMk cId="435677715" sldId="404"/>
            <ac:spMk id="42" creationId="{37EE27C9-7EF5-4CC4-AE2E-37CA864329B6}"/>
          </ac:spMkLst>
        </pc:spChg>
        <pc:spChg chg="mod">
          <ac:chgData name="Trine Løve" userId="8afeae00-0153-486f-a2f2-a2f4ed9fa5f7" providerId="ADAL" clId="{EB724BA2-6309-493C-B65A-E886DA410F88}" dt="2021-09-21T17:10:54.918" v="2712" actId="1037"/>
          <ac:spMkLst>
            <pc:docMk/>
            <pc:sldMk cId="435677715" sldId="404"/>
            <ac:spMk id="47" creationId="{08667D5C-1E2D-4E90-831B-3C169BC065AF}"/>
          </ac:spMkLst>
        </pc:spChg>
        <pc:spChg chg="mod">
          <ac:chgData name="Trine Løve" userId="8afeae00-0153-486f-a2f2-a2f4ed9fa5f7" providerId="ADAL" clId="{EB724BA2-6309-493C-B65A-E886DA410F88}" dt="2021-09-21T17:10:54.918" v="2712" actId="1037"/>
          <ac:spMkLst>
            <pc:docMk/>
            <pc:sldMk cId="435677715" sldId="404"/>
            <ac:spMk id="48" creationId="{595D8686-B21E-47EB-B815-7AC753043148}"/>
          </ac:spMkLst>
        </pc:spChg>
        <pc:grpChg chg="mod">
          <ac:chgData name="Trine Løve" userId="8afeae00-0153-486f-a2f2-a2f4ed9fa5f7" providerId="ADAL" clId="{EB724BA2-6309-493C-B65A-E886DA410F88}" dt="2021-09-21T17:07:50.172" v="2556" actId="1076"/>
          <ac:grpSpMkLst>
            <pc:docMk/>
            <pc:sldMk cId="435677715" sldId="404"/>
            <ac:grpSpMk id="28" creationId="{5ABC618B-FF11-473F-A606-9ADC3E588C45}"/>
          </ac:grpSpMkLst>
        </pc:grpChg>
        <pc:grpChg chg="mod">
          <ac:chgData name="Trine Løve" userId="8afeae00-0153-486f-a2f2-a2f4ed9fa5f7" providerId="ADAL" clId="{EB724BA2-6309-493C-B65A-E886DA410F88}" dt="2021-09-21T17:07:10.030" v="2499" actId="1076"/>
          <ac:grpSpMkLst>
            <pc:docMk/>
            <pc:sldMk cId="435677715" sldId="404"/>
            <ac:grpSpMk id="35" creationId="{6883696A-A2EF-4F3D-ACF6-E2A936422E07}"/>
          </ac:grpSpMkLst>
        </pc:grpChg>
        <pc:grpChg chg="mod">
          <ac:chgData name="Trine Løve" userId="8afeae00-0153-486f-a2f2-a2f4ed9fa5f7" providerId="ADAL" clId="{EB724BA2-6309-493C-B65A-E886DA410F88}" dt="2021-09-21T17:10:54.918" v="2712" actId="1037"/>
          <ac:grpSpMkLst>
            <pc:docMk/>
            <pc:sldMk cId="435677715" sldId="404"/>
            <ac:grpSpMk id="46" creationId="{90965DE2-3200-4CBD-945E-04A780D0F6AF}"/>
          </ac:grpSpMkLst>
        </pc:grpChg>
        <pc:picChg chg="mod">
          <ac:chgData name="Trine Løve" userId="8afeae00-0153-486f-a2f2-a2f4ed9fa5f7" providerId="ADAL" clId="{EB724BA2-6309-493C-B65A-E886DA410F88}" dt="2021-09-21T17:12:40.238" v="2877" actId="1076"/>
          <ac:picMkLst>
            <pc:docMk/>
            <pc:sldMk cId="435677715" sldId="404"/>
            <ac:picMk id="52" creationId="{49531DF0-7FA8-4524-ABDA-4C8251237C75}"/>
          </ac:picMkLst>
        </pc:picChg>
      </pc:sldChg>
      <pc:sldChg chg="del">
        <pc:chgData name="Trine Løve" userId="8afeae00-0153-486f-a2f2-a2f4ed9fa5f7" providerId="ADAL" clId="{EB724BA2-6309-493C-B65A-E886DA410F88}" dt="2021-09-21T16:37:04.382" v="1725" actId="47"/>
        <pc:sldMkLst>
          <pc:docMk/>
          <pc:sldMk cId="136480662" sldId="406"/>
        </pc:sldMkLst>
      </pc:sldChg>
      <pc:sldChg chg="mod modShow">
        <pc:chgData name="Trine Løve" userId="8afeae00-0153-486f-a2f2-a2f4ed9fa5f7" providerId="ADAL" clId="{EB724BA2-6309-493C-B65A-E886DA410F88}" dt="2021-09-21T17:30:23.645" v="3233" actId="729"/>
        <pc:sldMkLst>
          <pc:docMk/>
          <pc:sldMk cId="2019537361" sldId="409"/>
        </pc:sldMkLst>
      </pc:sldChg>
      <pc:sldChg chg="addSp delSp modSp mod ord">
        <pc:chgData name="Trine Løve" userId="8afeae00-0153-486f-a2f2-a2f4ed9fa5f7" providerId="ADAL" clId="{EB724BA2-6309-493C-B65A-E886DA410F88}" dt="2021-09-21T17:20:05.700" v="3182"/>
        <pc:sldMkLst>
          <pc:docMk/>
          <pc:sldMk cId="1866677911" sldId="417"/>
        </pc:sldMkLst>
        <pc:spChg chg="mod">
          <ac:chgData name="Trine Løve" userId="8afeae00-0153-486f-a2f2-a2f4ed9fa5f7" providerId="ADAL" clId="{EB724BA2-6309-493C-B65A-E886DA410F88}" dt="2021-09-21T13:31:39.264" v="173" actId="20577"/>
          <ac:spMkLst>
            <pc:docMk/>
            <pc:sldMk cId="1866677911" sldId="417"/>
            <ac:spMk id="2" creationId="{00000000-0000-0000-0000-000000000000}"/>
          </ac:spMkLst>
        </pc:spChg>
        <pc:spChg chg="del mod">
          <ac:chgData name="Trine Løve" userId="8afeae00-0153-486f-a2f2-a2f4ed9fa5f7" providerId="ADAL" clId="{EB724BA2-6309-493C-B65A-E886DA410F88}" dt="2021-09-21T15:29:33.271" v="1199" actId="478"/>
          <ac:spMkLst>
            <pc:docMk/>
            <pc:sldMk cId="1866677911" sldId="417"/>
            <ac:spMk id="4" creationId="{00000000-0000-0000-0000-000000000000}"/>
          </ac:spMkLst>
        </pc:spChg>
        <pc:spChg chg="del mod">
          <ac:chgData name="Trine Løve" userId="8afeae00-0153-486f-a2f2-a2f4ed9fa5f7" providerId="ADAL" clId="{EB724BA2-6309-493C-B65A-E886DA410F88}" dt="2021-09-21T15:29:38.271" v="1201" actId="478"/>
          <ac:spMkLst>
            <pc:docMk/>
            <pc:sldMk cId="1866677911" sldId="417"/>
            <ac:spMk id="5" creationId="{00000000-0000-0000-0000-000000000000}"/>
          </ac:spMkLst>
        </pc:spChg>
        <pc:spChg chg="del mod">
          <ac:chgData name="Trine Løve" userId="8afeae00-0153-486f-a2f2-a2f4ed9fa5f7" providerId="ADAL" clId="{EB724BA2-6309-493C-B65A-E886DA410F88}" dt="2021-09-21T15:29:51.124" v="1206" actId="478"/>
          <ac:spMkLst>
            <pc:docMk/>
            <pc:sldMk cId="1866677911" sldId="417"/>
            <ac:spMk id="6" creationId="{00000000-0000-0000-0000-000000000000}"/>
          </ac:spMkLst>
        </pc:spChg>
        <pc:spChg chg="del mod">
          <ac:chgData name="Trine Løve" userId="8afeae00-0153-486f-a2f2-a2f4ed9fa5f7" providerId="ADAL" clId="{EB724BA2-6309-493C-B65A-E886DA410F88}" dt="2021-09-21T15:29:42.810" v="1204" actId="478"/>
          <ac:spMkLst>
            <pc:docMk/>
            <pc:sldMk cId="1866677911" sldId="417"/>
            <ac:spMk id="7" creationId="{00000000-0000-0000-0000-000000000000}"/>
          </ac:spMkLst>
        </pc:spChg>
        <pc:spChg chg="add del mod">
          <ac:chgData name="Trine Løve" userId="8afeae00-0153-486f-a2f2-a2f4ed9fa5f7" providerId="ADAL" clId="{EB724BA2-6309-493C-B65A-E886DA410F88}" dt="2021-09-21T15:24:30.055" v="449"/>
          <ac:spMkLst>
            <pc:docMk/>
            <pc:sldMk cId="1866677911" sldId="417"/>
            <ac:spMk id="9" creationId="{C6987CBE-02C7-4D07-BF9B-4C28DB309823}"/>
          </ac:spMkLst>
        </pc:spChg>
        <pc:spChg chg="del">
          <ac:chgData name="Trine Løve" userId="8afeae00-0153-486f-a2f2-a2f4ed9fa5f7" providerId="ADAL" clId="{EB724BA2-6309-493C-B65A-E886DA410F88}" dt="2021-09-21T15:24:30.056" v="451"/>
          <ac:spMkLst>
            <pc:docMk/>
            <pc:sldMk cId="1866677911" sldId="417"/>
            <ac:spMk id="11" creationId="{B1D43DEF-4AF4-496F-90B5-72B14F8ECC3D}"/>
          </ac:spMkLst>
        </pc:spChg>
        <pc:spChg chg="add mod">
          <ac:chgData name="Trine Løve" userId="8afeae00-0153-486f-a2f2-a2f4ed9fa5f7" providerId="ADAL" clId="{EB724BA2-6309-493C-B65A-E886DA410F88}" dt="2021-09-21T15:17:11.008" v="441" actId="571"/>
          <ac:spMkLst>
            <pc:docMk/>
            <pc:sldMk cId="1866677911" sldId="417"/>
            <ac:spMk id="12" creationId="{D5C44917-4875-48A4-8D8A-BF27A16681E5}"/>
          </ac:spMkLst>
        </pc:spChg>
        <pc:spChg chg="add del mod ord">
          <ac:chgData name="Trine Løve" userId="8afeae00-0153-486f-a2f2-a2f4ed9fa5f7" providerId="ADAL" clId="{EB724BA2-6309-493C-B65A-E886DA410F88}" dt="2021-09-21T15:24:32.838" v="493"/>
          <ac:spMkLst>
            <pc:docMk/>
            <pc:sldMk cId="1866677911" sldId="417"/>
            <ac:spMk id="14" creationId="{E6ABCE5D-E59E-4A5B-878B-5E5232E96FC5}"/>
          </ac:spMkLst>
        </pc:spChg>
        <pc:spChg chg="add del mod ord">
          <ac:chgData name="Trine Løve" userId="8afeae00-0153-486f-a2f2-a2f4ed9fa5f7" providerId="ADAL" clId="{EB724BA2-6309-493C-B65A-E886DA410F88}" dt="2021-09-21T15:24:32.838" v="491"/>
          <ac:spMkLst>
            <pc:docMk/>
            <pc:sldMk cId="1866677911" sldId="417"/>
            <ac:spMk id="15" creationId="{BAA56415-95D4-4138-BBC2-C3892A559F3B}"/>
          </ac:spMkLst>
        </pc:spChg>
        <pc:spChg chg="add del mod ord">
          <ac:chgData name="Trine Løve" userId="8afeae00-0153-486f-a2f2-a2f4ed9fa5f7" providerId="ADAL" clId="{EB724BA2-6309-493C-B65A-E886DA410F88}" dt="2021-09-21T15:25:08.899" v="553"/>
          <ac:spMkLst>
            <pc:docMk/>
            <pc:sldMk cId="1866677911" sldId="417"/>
            <ac:spMk id="18" creationId="{B7F4BD29-99A2-4B76-9D61-4786AEBD5F75}"/>
          </ac:spMkLst>
        </pc:spChg>
        <pc:spChg chg="add del mod ord">
          <ac:chgData name="Trine Løve" userId="8afeae00-0153-486f-a2f2-a2f4ed9fa5f7" providerId="ADAL" clId="{EB724BA2-6309-493C-B65A-E886DA410F88}" dt="2021-09-21T15:25:08.902" v="554"/>
          <ac:spMkLst>
            <pc:docMk/>
            <pc:sldMk cId="1866677911" sldId="417"/>
            <ac:spMk id="19" creationId="{AF7758F4-C6F5-4CE8-8BDB-65134419CB47}"/>
          </ac:spMkLst>
        </pc:spChg>
        <pc:spChg chg="add del mod ord">
          <ac:chgData name="Trine Løve" userId="8afeae00-0153-486f-a2f2-a2f4ed9fa5f7" providerId="ADAL" clId="{EB724BA2-6309-493C-B65A-E886DA410F88}" dt="2021-09-21T15:26:36.304" v="931"/>
          <ac:spMkLst>
            <pc:docMk/>
            <pc:sldMk cId="1866677911" sldId="417"/>
            <ac:spMk id="22" creationId="{064E855A-20E3-4B9E-B3CC-04C3FFF82A57}"/>
          </ac:spMkLst>
        </pc:spChg>
        <pc:spChg chg="add del mod ord">
          <ac:chgData name="Trine Løve" userId="8afeae00-0153-486f-a2f2-a2f4ed9fa5f7" providerId="ADAL" clId="{EB724BA2-6309-493C-B65A-E886DA410F88}" dt="2021-09-21T15:26:39.075" v="962"/>
          <ac:spMkLst>
            <pc:docMk/>
            <pc:sldMk cId="1866677911" sldId="417"/>
            <ac:spMk id="25" creationId="{B62C5BF5-CCB7-45EE-9C90-3DB8AD07C56A}"/>
          </ac:spMkLst>
        </pc:spChg>
        <pc:spChg chg="add del mod ord">
          <ac:chgData name="Trine Løve" userId="8afeae00-0153-486f-a2f2-a2f4ed9fa5f7" providerId="ADAL" clId="{EB724BA2-6309-493C-B65A-E886DA410F88}" dt="2021-09-21T15:29:58.180" v="1208" actId="478"/>
          <ac:spMkLst>
            <pc:docMk/>
            <pc:sldMk cId="1866677911" sldId="417"/>
            <ac:spMk id="28" creationId="{3EE4B73A-310C-4318-9301-77FCC0EEB384}"/>
          </ac:spMkLst>
        </pc:spChg>
        <pc:spChg chg="add del mod">
          <ac:chgData name="Trine Løve" userId="8afeae00-0153-486f-a2f2-a2f4ed9fa5f7" providerId="ADAL" clId="{EB724BA2-6309-493C-B65A-E886DA410F88}" dt="2021-09-21T15:29:35.732" v="1200" actId="478"/>
          <ac:spMkLst>
            <pc:docMk/>
            <pc:sldMk cId="1866677911" sldId="417"/>
            <ac:spMk id="30" creationId="{4F0ABBC5-1058-4A36-BF38-C3015C493994}"/>
          </ac:spMkLst>
        </pc:spChg>
        <pc:spChg chg="add del mod">
          <ac:chgData name="Trine Løve" userId="8afeae00-0153-486f-a2f2-a2f4ed9fa5f7" providerId="ADAL" clId="{EB724BA2-6309-493C-B65A-E886DA410F88}" dt="2021-09-21T15:29:40.218" v="1202" actId="478"/>
          <ac:spMkLst>
            <pc:docMk/>
            <pc:sldMk cId="1866677911" sldId="417"/>
            <ac:spMk id="32" creationId="{3A35E8C4-674C-499B-BE83-8DCF98A1D61E}"/>
          </ac:spMkLst>
        </pc:spChg>
        <pc:spChg chg="add del mod">
          <ac:chgData name="Trine Løve" userId="8afeae00-0153-486f-a2f2-a2f4ed9fa5f7" providerId="ADAL" clId="{EB724BA2-6309-493C-B65A-E886DA410F88}" dt="2021-09-21T15:29:47.044" v="1205" actId="478"/>
          <ac:spMkLst>
            <pc:docMk/>
            <pc:sldMk cId="1866677911" sldId="417"/>
            <ac:spMk id="34" creationId="{7BBF6382-3523-4B6B-AB32-19FAB4EEADE1}"/>
          </ac:spMkLst>
        </pc:spChg>
        <pc:spChg chg="add del mod">
          <ac:chgData name="Trine Løve" userId="8afeae00-0153-486f-a2f2-a2f4ed9fa5f7" providerId="ADAL" clId="{EB724BA2-6309-493C-B65A-E886DA410F88}" dt="2021-09-21T15:29:55.289" v="1207" actId="478"/>
          <ac:spMkLst>
            <pc:docMk/>
            <pc:sldMk cId="1866677911" sldId="417"/>
            <ac:spMk id="36" creationId="{58B29C56-1931-428B-9564-277C0D8164E9}"/>
          </ac:spMkLst>
        </pc:spChg>
        <pc:spChg chg="add mod">
          <ac:chgData name="Trine Løve" userId="8afeae00-0153-486f-a2f2-a2f4ed9fa5f7" providerId="ADAL" clId="{EB724BA2-6309-493C-B65A-E886DA410F88}" dt="2021-09-21T15:30:31.405" v="1296" actId="1035"/>
          <ac:spMkLst>
            <pc:docMk/>
            <pc:sldMk cId="1866677911" sldId="417"/>
            <ac:spMk id="38" creationId="{9E6162BE-E787-4C16-B5DF-BBF24D55E94B}"/>
          </ac:spMkLst>
        </pc:spChg>
        <pc:spChg chg="add mod">
          <ac:chgData name="Trine Løve" userId="8afeae00-0153-486f-a2f2-a2f4ed9fa5f7" providerId="ADAL" clId="{EB724BA2-6309-493C-B65A-E886DA410F88}" dt="2021-09-21T15:31:23.458" v="1438" actId="20577"/>
          <ac:spMkLst>
            <pc:docMk/>
            <pc:sldMk cId="1866677911" sldId="417"/>
            <ac:spMk id="40" creationId="{4ADC7E70-6726-48DB-A236-23519D33765A}"/>
          </ac:spMkLst>
        </pc:spChg>
        <pc:picChg chg="del">
          <ac:chgData name="Trine Løve" userId="8afeae00-0153-486f-a2f2-a2f4ed9fa5f7" providerId="ADAL" clId="{EB724BA2-6309-493C-B65A-E886DA410F88}" dt="2021-09-21T15:17:04.061" v="440" actId="478"/>
          <ac:picMkLst>
            <pc:docMk/>
            <pc:sldMk cId="1866677911" sldId="417"/>
            <ac:picMk id="3" creationId="{00000000-0000-0000-0000-000000000000}"/>
          </ac:picMkLst>
        </pc:picChg>
        <pc:picChg chg="add del mod ord replST">
          <ac:chgData name="Trine Løve" userId="8afeae00-0153-486f-a2f2-a2f4ed9fa5f7" providerId="ADAL" clId="{EB724BA2-6309-493C-B65A-E886DA410F88}" dt="2021-09-21T15:24:32.845" v="517"/>
          <ac:picMkLst>
            <pc:docMk/>
            <pc:sldMk cId="1866677911" sldId="417"/>
            <ac:picMk id="13" creationId="{0F9FE057-7D91-47E9-93BD-4A45DDF8E7AD}"/>
          </ac:picMkLst>
        </pc:picChg>
        <pc:picChg chg="add del mod replST modCrop">
          <ac:chgData name="Trine Løve" userId="8afeae00-0153-486f-a2f2-a2f4ed9fa5f7" providerId="ADAL" clId="{EB724BA2-6309-493C-B65A-E886DA410F88}" dt="2021-09-21T15:24:53.673" v="551" actId="478"/>
          <ac:picMkLst>
            <pc:docMk/>
            <pc:sldMk cId="1866677911" sldId="417"/>
            <ac:picMk id="17" creationId="{AF32FAB5-C411-49D5-BAA5-119DA30E58A3}"/>
          </ac:picMkLst>
        </pc:picChg>
        <pc:picChg chg="add mod ord replST">
          <ac:chgData name="Trine Løve" userId="8afeae00-0153-486f-a2f2-a2f4ed9fa5f7" providerId="ADAL" clId="{EB724BA2-6309-493C-B65A-E886DA410F88}" dt="2021-09-21T15:31:57.170" v="1454" actId="14100"/>
          <ac:picMkLst>
            <pc:docMk/>
            <pc:sldMk cId="1866677911" sldId="417"/>
            <ac:picMk id="21" creationId="{ADA84C94-A6AF-4A3C-863D-7AA8D695E873}"/>
          </ac:picMkLst>
        </pc:picChg>
        <pc:picChg chg="add del mod ord replST">
          <ac:chgData name="Trine Løve" userId="8afeae00-0153-486f-a2f2-a2f4ed9fa5f7" providerId="ADAL" clId="{EB724BA2-6309-493C-B65A-E886DA410F88}" dt="2021-09-21T15:26:39.082" v="986"/>
          <ac:picMkLst>
            <pc:docMk/>
            <pc:sldMk cId="1866677911" sldId="417"/>
            <ac:picMk id="24" creationId="{5633CD62-797A-46B4-A24B-C6D4C8C5A788}"/>
          </ac:picMkLst>
        </pc:picChg>
        <pc:picChg chg="add mod replST modCrop">
          <ac:chgData name="Trine Løve" userId="8afeae00-0153-486f-a2f2-a2f4ed9fa5f7" providerId="ADAL" clId="{EB724BA2-6309-493C-B65A-E886DA410F88}" dt="2021-09-21T15:27:57.587" v="1187" actId="1038"/>
          <ac:picMkLst>
            <pc:docMk/>
            <pc:sldMk cId="1866677911" sldId="417"/>
            <ac:picMk id="27" creationId="{0375CE05-4AE4-4739-BA61-F192002DBD63}"/>
          </ac:picMkLst>
        </pc:picChg>
      </pc:sldChg>
      <pc:sldChg chg="del">
        <pc:chgData name="Trine Løve" userId="8afeae00-0153-486f-a2f2-a2f4ed9fa5f7" providerId="ADAL" clId="{EB724BA2-6309-493C-B65A-E886DA410F88}" dt="2021-09-21T07:11:28.063" v="162" actId="47"/>
        <pc:sldMkLst>
          <pc:docMk/>
          <pc:sldMk cId="4273341149" sldId="421"/>
        </pc:sldMkLst>
      </pc:sldChg>
      <pc:sldChg chg="del">
        <pc:chgData name="Trine Løve" userId="8afeae00-0153-486f-a2f2-a2f4ed9fa5f7" providerId="ADAL" clId="{EB724BA2-6309-493C-B65A-E886DA410F88}" dt="2021-09-21T07:11:25.749" v="159" actId="47"/>
        <pc:sldMkLst>
          <pc:docMk/>
          <pc:sldMk cId="2709684394" sldId="427"/>
        </pc:sldMkLst>
      </pc:sldChg>
      <pc:sldChg chg="del">
        <pc:chgData name="Trine Løve" userId="8afeae00-0153-486f-a2f2-a2f4ed9fa5f7" providerId="ADAL" clId="{EB724BA2-6309-493C-B65A-E886DA410F88}" dt="2021-09-21T13:31:47.606" v="174" actId="47"/>
        <pc:sldMkLst>
          <pc:docMk/>
          <pc:sldMk cId="921409134" sldId="430"/>
        </pc:sldMkLst>
      </pc:sldChg>
      <pc:sldChg chg="del">
        <pc:chgData name="Trine Løve" userId="8afeae00-0153-486f-a2f2-a2f4ed9fa5f7" providerId="ADAL" clId="{EB724BA2-6309-493C-B65A-E886DA410F88}" dt="2021-09-21T07:11:26.543" v="160" actId="47"/>
        <pc:sldMkLst>
          <pc:docMk/>
          <pc:sldMk cId="1575486986" sldId="437"/>
        </pc:sldMkLst>
      </pc:sldChg>
      <pc:sldChg chg="del">
        <pc:chgData name="Trine Løve" userId="8afeae00-0153-486f-a2f2-a2f4ed9fa5f7" providerId="ADAL" clId="{EB724BA2-6309-493C-B65A-E886DA410F88}" dt="2021-09-21T07:11:25.022" v="158" actId="47"/>
        <pc:sldMkLst>
          <pc:docMk/>
          <pc:sldMk cId="2570243872" sldId="440"/>
        </pc:sldMkLst>
      </pc:sldChg>
      <pc:sldChg chg="modSp mod">
        <pc:chgData name="Trine Løve" userId="8afeae00-0153-486f-a2f2-a2f4ed9fa5f7" providerId="ADAL" clId="{EB724BA2-6309-493C-B65A-E886DA410F88}" dt="2021-09-21T17:31:32.317" v="3235" actId="20577"/>
        <pc:sldMkLst>
          <pc:docMk/>
          <pc:sldMk cId="89008401" sldId="469"/>
        </pc:sldMkLst>
        <pc:spChg chg="mod">
          <ac:chgData name="Trine Løve" userId="8afeae00-0153-486f-a2f2-a2f4ed9fa5f7" providerId="ADAL" clId="{EB724BA2-6309-493C-B65A-E886DA410F88}" dt="2021-09-21T17:31:32.317" v="3235" actId="20577"/>
          <ac:spMkLst>
            <pc:docMk/>
            <pc:sldMk cId="89008401" sldId="469"/>
            <ac:spMk id="4" creationId="{00000000-0000-0000-0000-000000000000}"/>
          </ac:spMkLst>
        </pc:spChg>
      </pc:sldChg>
      <pc:sldChg chg="del">
        <pc:chgData name="Trine Løve" userId="8afeae00-0153-486f-a2f2-a2f4ed9fa5f7" providerId="ADAL" clId="{EB724BA2-6309-493C-B65A-E886DA410F88}" dt="2021-09-21T07:11:27.307" v="161" actId="47"/>
        <pc:sldMkLst>
          <pc:docMk/>
          <pc:sldMk cId="4091827950" sldId="508"/>
        </pc:sldMkLst>
      </pc:sldChg>
      <pc:sldChg chg="del">
        <pc:chgData name="Trine Løve" userId="8afeae00-0153-486f-a2f2-a2f4ed9fa5f7" providerId="ADAL" clId="{EB724BA2-6309-493C-B65A-E886DA410F88}" dt="2021-09-21T16:35:14.111" v="1718" actId="47"/>
        <pc:sldMkLst>
          <pc:docMk/>
          <pc:sldMk cId="2766542556" sldId="509"/>
        </pc:sldMkLst>
      </pc:sldChg>
      <pc:sldChg chg="del">
        <pc:chgData name="Trine Løve" userId="8afeae00-0153-486f-a2f2-a2f4ed9fa5f7" providerId="ADAL" clId="{EB724BA2-6309-493C-B65A-E886DA410F88}" dt="2021-09-21T07:11:18.685" v="154" actId="47"/>
        <pc:sldMkLst>
          <pc:docMk/>
          <pc:sldMk cId="3143210907" sldId="510"/>
        </pc:sldMkLst>
      </pc:sldChg>
      <pc:sldChg chg="del">
        <pc:chgData name="Trine Løve" userId="8afeae00-0153-486f-a2f2-a2f4ed9fa5f7" providerId="ADAL" clId="{EB724BA2-6309-493C-B65A-E886DA410F88}" dt="2021-09-21T07:11:22.372" v="155" actId="47"/>
        <pc:sldMkLst>
          <pc:docMk/>
          <pc:sldMk cId="3064128811" sldId="722"/>
        </pc:sldMkLst>
      </pc:sldChg>
      <pc:sldChg chg="del">
        <pc:chgData name="Trine Løve" userId="8afeae00-0153-486f-a2f2-a2f4ed9fa5f7" providerId="ADAL" clId="{EB724BA2-6309-493C-B65A-E886DA410F88}" dt="2021-09-21T07:11:23.475" v="156" actId="47"/>
        <pc:sldMkLst>
          <pc:docMk/>
          <pc:sldMk cId="1241658036" sldId="737"/>
        </pc:sldMkLst>
      </pc:sldChg>
      <pc:sldChg chg="del">
        <pc:chgData name="Trine Løve" userId="8afeae00-0153-486f-a2f2-a2f4ed9fa5f7" providerId="ADAL" clId="{EB724BA2-6309-493C-B65A-E886DA410F88}" dt="2021-09-21T07:10:52.238" v="150" actId="47"/>
        <pc:sldMkLst>
          <pc:docMk/>
          <pc:sldMk cId="229658068" sldId="738"/>
        </pc:sldMkLst>
      </pc:sldChg>
      <pc:sldChg chg="del">
        <pc:chgData name="Trine Løve" userId="8afeae00-0153-486f-a2f2-a2f4ed9fa5f7" providerId="ADAL" clId="{EB724BA2-6309-493C-B65A-E886DA410F88}" dt="2021-09-21T07:10:53.972" v="151" actId="47"/>
        <pc:sldMkLst>
          <pc:docMk/>
          <pc:sldMk cId="914863151" sldId="739"/>
        </pc:sldMkLst>
      </pc:sldChg>
      <pc:sldChg chg="mod modShow">
        <pc:chgData name="Trine Løve" userId="8afeae00-0153-486f-a2f2-a2f4ed9fa5f7" providerId="ADAL" clId="{EB724BA2-6309-493C-B65A-E886DA410F88}" dt="2021-09-21T17:30:03.861" v="3228" actId="729"/>
        <pc:sldMkLst>
          <pc:docMk/>
          <pc:sldMk cId="1517616704" sldId="740"/>
        </pc:sldMkLst>
      </pc:sldChg>
      <pc:sldChg chg="mod modShow">
        <pc:chgData name="Trine Løve" userId="8afeae00-0153-486f-a2f2-a2f4ed9fa5f7" providerId="ADAL" clId="{EB724BA2-6309-493C-B65A-E886DA410F88}" dt="2021-09-21T17:30:10.549" v="3230" actId="729"/>
        <pc:sldMkLst>
          <pc:docMk/>
          <pc:sldMk cId="4115775525" sldId="741"/>
        </pc:sldMkLst>
      </pc:sldChg>
      <pc:sldChg chg="mod modShow">
        <pc:chgData name="Trine Løve" userId="8afeae00-0153-486f-a2f2-a2f4ed9fa5f7" providerId="ADAL" clId="{EB724BA2-6309-493C-B65A-E886DA410F88}" dt="2021-09-21T17:30:13.157" v="3231" actId="729"/>
        <pc:sldMkLst>
          <pc:docMk/>
          <pc:sldMk cId="836532852" sldId="743"/>
        </pc:sldMkLst>
      </pc:sldChg>
      <pc:sldChg chg="mod modShow">
        <pc:chgData name="Trine Løve" userId="8afeae00-0153-486f-a2f2-a2f4ed9fa5f7" providerId="ADAL" clId="{EB724BA2-6309-493C-B65A-E886DA410F88}" dt="2021-09-21T17:30:20.009" v="3232" actId="729"/>
        <pc:sldMkLst>
          <pc:docMk/>
          <pc:sldMk cId="2892699097" sldId="744"/>
        </pc:sldMkLst>
      </pc:sldChg>
      <pc:sldChg chg="del">
        <pc:chgData name="Trine Løve" userId="8afeae00-0153-486f-a2f2-a2f4ed9fa5f7" providerId="ADAL" clId="{EB724BA2-6309-493C-B65A-E886DA410F88}" dt="2021-09-21T16:35:21.813" v="1719" actId="47"/>
        <pc:sldMkLst>
          <pc:docMk/>
          <pc:sldMk cId="2000544994" sldId="745"/>
        </pc:sldMkLst>
      </pc:sldChg>
      <pc:sldChg chg="mod ord modShow">
        <pc:chgData name="Trine Løve" userId="8afeae00-0153-486f-a2f2-a2f4ed9fa5f7" providerId="ADAL" clId="{EB724BA2-6309-493C-B65A-E886DA410F88}" dt="2021-09-21T17:30:08.678" v="3229" actId="729"/>
        <pc:sldMkLst>
          <pc:docMk/>
          <pc:sldMk cId="3729839522" sldId="747"/>
        </pc:sldMkLst>
      </pc:sldChg>
      <pc:sldChg chg="del">
        <pc:chgData name="Trine Løve" userId="8afeae00-0153-486f-a2f2-a2f4ed9fa5f7" providerId="ADAL" clId="{EB724BA2-6309-493C-B65A-E886DA410F88}" dt="2021-09-21T07:11:31.744" v="164" actId="47"/>
        <pc:sldMkLst>
          <pc:docMk/>
          <pc:sldMk cId="85500701" sldId="748"/>
        </pc:sldMkLst>
      </pc:sldChg>
      <pc:sldChg chg="del">
        <pc:chgData name="Trine Løve" userId="8afeae00-0153-486f-a2f2-a2f4ed9fa5f7" providerId="ADAL" clId="{EB724BA2-6309-493C-B65A-E886DA410F88}" dt="2021-09-21T07:11:32.497" v="165" actId="47"/>
        <pc:sldMkLst>
          <pc:docMk/>
          <pc:sldMk cId="3704327371" sldId="749"/>
        </pc:sldMkLst>
      </pc:sldChg>
      <pc:sldChg chg="del">
        <pc:chgData name="Trine Løve" userId="8afeae00-0153-486f-a2f2-a2f4ed9fa5f7" providerId="ADAL" clId="{EB724BA2-6309-493C-B65A-E886DA410F88}" dt="2021-09-21T16:29:06.190" v="1504" actId="47"/>
        <pc:sldMkLst>
          <pc:docMk/>
          <pc:sldMk cId="521342530" sldId="752"/>
        </pc:sldMkLst>
      </pc:sldChg>
      <pc:sldChg chg="del">
        <pc:chgData name="Trine Løve" userId="8afeae00-0153-486f-a2f2-a2f4ed9fa5f7" providerId="ADAL" clId="{EB724BA2-6309-493C-B65A-E886DA410F88}" dt="2021-09-21T07:10:19.184" v="148" actId="47"/>
        <pc:sldMkLst>
          <pc:docMk/>
          <pc:sldMk cId="4217112945" sldId="756"/>
        </pc:sldMkLst>
      </pc:sldChg>
      <pc:sldChg chg="del">
        <pc:chgData name="Trine Løve" userId="8afeae00-0153-486f-a2f2-a2f4ed9fa5f7" providerId="ADAL" clId="{EB724BA2-6309-493C-B65A-E886DA410F88}" dt="2021-09-21T17:29:25.102" v="3227" actId="47"/>
        <pc:sldMkLst>
          <pc:docMk/>
          <pc:sldMk cId="3893640838" sldId="758"/>
        </pc:sldMkLst>
      </pc:sldChg>
      <pc:sldChg chg="ord">
        <pc:chgData name="Trine Løve" userId="8afeae00-0153-486f-a2f2-a2f4ed9fa5f7" providerId="ADAL" clId="{EB724BA2-6309-493C-B65A-E886DA410F88}" dt="2021-09-21T15:18:33.012" v="447"/>
        <pc:sldMkLst>
          <pc:docMk/>
          <pc:sldMk cId="1481673522" sldId="762"/>
        </pc:sldMkLst>
      </pc:sldChg>
      <pc:sldChg chg="del">
        <pc:chgData name="Trine Løve" userId="8afeae00-0153-486f-a2f2-a2f4ed9fa5f7" providerId="ADAL" clId="{EB724BA2-6309-493C-B65A-E886DA410F88}" dt="2021-09-21T07:06:40.521" v="0" actId="47"/>
        <pc:sldMkLst>
          <pc:docMk/>
          <pc:sldMk cId="586029870" sldId="766"/>
        </pc:sldMkLst>
      </pc:sldChg>
      <pc:sldChg chg="modSp new mod">
        <pc:chgData name="Trine Løve" userId="8afeae00-0153-486f-a2f2-a2f4ed9fa5f7" providerId="ADAL" clId="{EB724BA2-6309-493C-B65A-E886DA410F88}" dt="2021-09-21T17:23:34.127" v="3183" actId="20577"/>
        <pc:sldMkLst>
          <pc:docMk/>
          <pc:sldMk cId="3598791882" sldId="766"/>
        </pc:sldMkLst>
        <pc:spChg chg="mod">
          <ac:chgData name="Trine Løve" userId="8afeae00-0153-486f-a2f2-a2f4ed9fa5f7" providerId="ADAL" clId="{EB724BA2-6309-493C-B65A-E886DA410F88}" dt="2021-09-21T16:56:50.986" v="1910" actId="20577"/>
          <ac:spMkLst>
            <pc:docMk/>
            <pc:sldMk cId="3598791882" sldId="766"/>
            <ac:spMk id="4" creationId="{86D02E37-660C-4F84-B4AA-BE8B0F7D2D24}"/>
          </ac:spMkLst>
        </pc:spChg>
        <pc:spChg chg="mod">
          <ac:chgData name="Trine Løve" userId="8afeae00-0153-486f-a2f2-a2f4ed9fa5f7" providerId="ADAL" clId="{EB724BA2-6309-493C-B65A-E886DA410F88}" dt="2021-09-21T17:23:34.127" v="3183" actId="20577"/>
          <ac:spMkLst>
            <pc:docMk/>
            <pc:sldMk cId="3598791882" sldId="766"/>
            <ac:spMk id="5" creationId="{CEBFCE20-3D3A-4C83-871D-10A947204946}"/>
          </ac:spMkLst>
        </pc:spChg>
      </pc:sldChg>
      <pc:sldChg chg="modSp new mod ord">
        <pc:chgData name="Trine Løve" userId="8afeae00-0153-486f-a2f2-a2f4ed9fa5f7" providerId="ADAL" clId="{EB724BA2-6309-493C-B65A-E886DA410F88}" dt="2021-09-21T17:17:13.295" v="3180" actId="5793"/>
        <pc:sldMkLst>
          <pc:docMk/>
          <pc:sldMk cId="3592452782" sldId="767"/>
        </pc:sldMkLst>
        <pc:spChg chg="mod">
          <ac:chgData name="Trine Løve" userId="8afeae00-0153-486f-a2f2-a2f4ed9fa5f7" providerId="ADAL" clId="{EB724BA2-6309-493C-B65A-E886DA410F88}" dt="2021-09-21T17:00:36.229" v="2086" actId="20577"/>
          <ac:spMkLst>
            <pc:docMk/>
            <pc:sldMk cId="3592452782" sldId="767"/>
            <ac:spMk id="4" creationId="{3FB3ED9D-5AF4-484A-B7BE-CD9449C3EA3C}"/>
          </ac:spMkLst>
        </pc:spChg>
        <pc:spChg chg="mod">
          <ac:chgData name="Trine Løve" userId="8afeae00-0153-486f-a2f2-a2f4ed9fa5f7" providerId="ADAL" clId="{EB724BA2-6309-493C-B65A-E886DA410F88}" dt="2021-09-21T17:17:13.295" v="3180" actId="5793"/>
          <ac:spMkLst>
            <pc:docMk/>
            <pc:sldMk cId="3592452782" sldId="767"/>
            <ac:spMk id="5" creationId="{7013D016-9CA0-4AEC-9D9E-800A7B8FCA82}"/>
          </ac:spMkLst>
        </pc:spChg>
      </pc:sldChg>
      <pc:sldChg chg="modSp add mod">
        <pc:chgData name="Trine Løve" userId="8afeae00-0153-486f-a2f2-a2f4ed9fa5f7" providerId="ADAL" clId="{EB724BA2-6309-493C-B65A-E886DA410F88}" dt="2021-09-21T17:28:38.142" v="3225"/>
        <pc:sldMkLst>
          <pc:docMk/>
          <pc:sldMk cId="2603179038" sldId="768"/>
        </pc:sldMkLst>
        <pc:spChg chg="mod">
          <ac:chgData name="Trine Løve" userId="8afeae00-0153-486f-a2f2-a2f4ed9fa5f7" providerId="ADAL" clId="{EB724BA2-6309-493C-B65A-E886DA410F88}" dt="2021-09-21T17:28:38.137" v="3204"/>
          <ac:spMkLst>
            <pc:docMk/>
            <pc:sldMk cId="2603179038" sldId="768"/>
            <ac:spMk id="2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28:38.137" v="3206"/>
          <ac:spMkLst>
            <pc:docMk/>
            <pc:sldMk cId="2603179038" sldId="768"/>
            <ac:spMk id="6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28:38.138" v="3208"/>
          <ac:spMkLst>
            <pc:docMk/>
            <pc:sldMk cId="2603179038" sldId="768"/>
            <ac:spMk id="8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28:38.138" v="3210"/>
          <ac:spMkLst>
            <pc:docMk/>
            <pc:sldMk cId="2603179038" sldId="768"/>
            <ac:spMk id="9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28:38.139" v="3212"/>
          <ac:spMkLst>
            <pc:docMk/>
            <pc:sldMk cId="2603179038" sldId="768"/>
            <ac:spMk id="10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28:38.139" v="3214"/>
          <ac:spMkLst>
            <pc:docMk/>
            <pc:sldMk cId="2603179038" sldId="768"/>
            <ac:spMk id="11" creationId="{00000000-0000-0000-0000-000000000000}"/>
          </ac:spMkLst>
        </pc:spChg>
        <pc:grpChg chg="mod">
          <ac:chgData name="Trine Løve" userId="8afeae00-0153-486f-a2f2-a2f4ed9fa5f7" providerId="ADAL" clId="{EB724BA2-6309-493C-B65A-E886DA410F88}" dt="2021-09-21T17:28:38.139" v="3216"/>
          <ac:grpSpMkLst>
            <pc:docMk/>
            <pc:sldMk cId="2603179038" sldId="768"/>
            <ac:grpSpMk id="12" creationId="{00000000-0000-0000-0000-000000000000}"/>
          </ac:grpSpMkLst>
        </pc:grpChg>
        <pc:grpChg chg="mod">
          <ac:chgData name="Trine Løve" userId="8afeae00-0153-486f-a2f2-a2f4ed9fa5f7" providerId="ADAL" clId="{EB724BA2-6309-493C-B65A-E886DA410F88}" dt="2021-09-21T17:28:38.140" v="3218"/>
          <ac:grpSpMkLst>
            <pc:docMk/>
            <pc:sldMk cId="2603179038" sldId="768"/>
            <ac:grpSpMk id="20" creationId="{00000000-0000-0000-0000-000000000000}"/>
          </ac:grpSpMkLst>
        </pc:grpChg>
        <pc:grpChg chg="mod">
          <ac:chgData name="Trine Løve" userId="8afeae00-0153-486f-a2f2-a2f4ed9fa5f7" providerId="ADAL" clId="{EB724BA2-6309-493C-B65A-E886DA410F88}" dt="2021-09-21T17:28:38.140" v="3220"/>
          <ac:grpSpMkLst>
            <pc:docMk/>
            <pc:sldMk cId="2603179038" sldId="768"/>
            <ac:grpSpMk id="23" creationId="{00000000-0000-0000-0000-000000000000}"/>
          </ac:grpSpMkLst>
        </pc:grpChg>
        <pc:grpChg chg="mod">
          <ac:chgData name="Trine Løve" userId="8afeae00-0153-486f-a2f2-a2f4ed9fa5f7" providerId="ADAL" clId="{EB724BA2-6309-493C-B65A-E886DA410F88}" dt="2021-09-21T17:28:38.141" v="3222"/>
          <ac:grpSpMkLst>
            <pc:docMk/>
            <pc:sldMk cId="2603179038" sldId="768"/>
            <ac:grpSpMk id="26" creationId="{00000000-0000-0000-0000-000000000000}"/>
          </ac:grpSpMkLst>
        </pc:grpChg>
        <pc:picChg chg="mod modCrop">
          <ac:chgData name="Trine Løve" userId="8afeae00-0153-486f-a2f2-a2f4ed9fa5f7" providerId="ADAL" clId="{EB724BA2-6309-493C-B65A-E886DA410F88}" dt="2021-09-21T17:28:38.136" v="3202"/>
          <ac:picMkLst>
            <pc:docMk/>
            <pc:sldMk cId="2603179038" sldId="768"/>
            <ac:picMk id="7" creationId="{00000000-0000-0000-0000-000000000000}"/>
          </ac:picMkLst>
        </pc:picChg>
        <pc:picChg chg="mod modCrop">
          <ac:chgData name="Trine Løve" userId="8afeae00-0153-486f-a2f2-a2f4ed9fa5f7" providerId="ADAL" clId="{EB724BA2-6309-493C-B65A-E886DA410F88}" dt="2021-09-21T17:28:38.142" v="3225"/>
          <ac:picMkLst>
            <pc:docMk/>
            <pc:sldMk cId="2603179038" sldId="768"/>
            <ac:picMk id="30" creationId="{00000000-0000-0000-0000-000000000000}"/>
          </ac:picMkLst>
        </pc:picChg>
      </pc:sldChg>
      <pc:sldChg chg="modSp new del mod">
        <pc:chgData name="Trine Løve" userId="8afeae00-0153-486f-a2f2-a2f4ed9fa5f7" providerId="ADAL" clId="{EB724BA2-6309-493C-B65A-E886DA410F88}" dt="2021-09-21T17:15:52.155" v="3111" actId="47"/>
        <pc:sldMkLst>
          <pc:docMk/>
          <pc:sldMk cId="3382715835" sldId="768"/>
        </pc:sldMkLst>
        <pc:spChg chg="mod">
          <ac:chgData name="Trine Løve" userId="8afeae00-0153-486f-a2f2-a2f4ed9fa5f7" providerId="ADAL" clId="{EB724BA2-6309-493C-B65A-E886DA410F88}" dt="2021-09-21T17:03:22.409" v="2296" actId="20577"/>
          <ac:spMkLst>
            <pc:docMk/>
            <pc:sldMk cId="3382715835" sldId="768"/>
            <ac:spMk id="4" creationId="{83703204-31A3-4D40-B524-239CC055D34E}"/>
          </ac:spMkLst>
        </pc:spChg>
      </pc:sldChg>
      <pc:sldChg chg="modSp add del">
        <pc:chgData name="Trine Løve" userId="8afeae00-0153-486f-a2f2-a2f4ed9fa5f7" providerId="ADAL" clId="{EB724BA2-6309-493C-B65A-E886DA410F88}" dt="2021-09-21T17:26:33.352" v="3198" actId="47"/>
        <pc:sldMkLst>
          <pc:docMk/>
          <pc:sldMk cId="3519126049" sldId="768"/>
        </pc:sldMkLst>
        <pc:spChg chg="mod">
          <ac:chgData name="Trine Løve" userId="8afeae00-0153-486f-a2f2-a2f4ed9fa5f7" providerId="ADAL" clId="{EB724BA2-6309-493C-B65A-E886DA410F88}" dt="2021-09-21T17:26:21.439" v="3193"/>
          <ac:spMkLst>
            <pc:docMk/>
            <pc:sldMk cId="3519126049" sldId="768"/>
            <ac:spMk id="2" creationId="{00000000-0000-0000-0000-000000000000}"/>
          </ac:spMkLst>
        </pc:spChg>
        <pc:spChg chg="mod">
          <ac:chgData name="Trine Løve" userId="8afeae00-0153-486f-a2f2-a2f4ed9fa5f7" providerId="ADAL" clId="{EB724BA2-6309-493C-B65A-E886DA410F88}" dt="2021-09-21T17:26:21.441" v="3197"/>
          <ac:spMkLst>
            <pc:docMk/>
            <pc:sldMk cId="3519126049" sldId="768"/>
            <ac:spMk id="23" creationId="{00000000-0000-0000-0000-000000000000}"/>
          </ac:spMkLst>
        </pc:spChg>
        <pc:grpChg chg="mod">
          <ac:chgData name="Trine Løve" userId="8afeae00-0153-486f-a2f2-a2f4ed9fa5f7" providerId="ADAL" clId="{EB724BA2-6309-493C-B65A-E886DA410F88}" dt="2021-09-21T17:26:21.441" v="3195"/>
          <ac:grpSpMkLst>
            <pc:docMk/>
            <pc:sldMk cId="3519126049" sldId="768"/>
            <ac:grpSpMk id="3" creationId="{00000000-0000-0000-0000-000000000000}"/>
          </ac:grpSpMkLst>
        </pc:grpChg>
      </pc:sldChg>
      <pc:sldChg chg="del">
        <pc:chgData name="Trine Løve" userId="8afeae00-0153-486f-a2f2-a2f4ed9fa5f7" providerId="ADAL" clId="{EB724BA2-6309-493C-B65A-E886DA410F88}" dt="2021-09-21T07:10:20.294" v="149" actId="47"/>
        <pc:sldMkLst>
          <pc:docMk/>
          <pc:sldMk cId="3737268816" sldId="768"/>
        </pc:sldMkLst>
      </pc:sldChg>
      <pc:sldChg chg="del">
        <pc:chgData name="Trine Løve" userId="8afeae00-0153-486f-a2f2-a2f4ed9fa5f7" providerId="ADAL" clId="{EB724BA2-6309-493C-B65A-E886DA410F88}" dt="2021-09-21T16:36:52.415" v="1724" actId="47"/>
        <pc:sldMkLst>
          <pc:docMk/>
          <pc:sldMk cId="2172991912" sldId="769"/>
        </pc:sldMkLst>
      </pc:sldChg>
      <pc:sldChg chg="modSp new del mod">
        <pc:chgData name="Trine Løve" userId="8afeae00-0153-486f-a2f2-a2f4ed9fa5f7" providerId="ADAL" clId="{EB724BA2-6309-493C-B65A-E886DA410F88}" dt="2021-09-21T16:48:30.120" v="1752" actId="47"/>
        <pc:sldMkLst>
          <pc:docMk/>
          <pc:sldMk cId="2085622017" sldId="770"/>
        </pc:sldMkLst>
        <pc:spChg chg="mod">
          <ac:chgData name="Trine Løve" userId="8afeae00-0153-486f-a2f2-a2f4ed9fa5f7" providerId="ADAL" clId="{EB724BA2-6309-493C-B65A-E886DA410F88}" dt="2021-09-21T15:15:25.787" v="439" actId="20577"/>
          <ac:spMkLst>
            <pc:docMk/>
            <pc:sldMk cId="2085622017" sldId="770"/>
            <ac:spMk id="4" creationId="{7BC523F1-201A-49E0-956E-DF199A193F9C}"/>
          </ac:spMkLst>
        </pc:spChg>
      </pc:sldChg>
      <pc:sldChg chg="modSp add del mod">
        <pc:chgData name="Trine Løve" userId="8afeae00-0153-486f-a2f2-a2f4ed9fa5f7" providerId="ADAL" clId="{EB724BA2-6309-493C-B65A-E886DA410F88}" dt="2021-09-21T15:33:59.437" v="1501" actId="47"/>
        <pc:sldMkLst>
          <pc:docMk/>
          <pc:sldMk cId="3711746448" sldId="771"/>
        </pc:sldMkLst>
        <pc:spChg chg="mod">
          <ac:chgData name="Trine Løve" userId="8afeae00-0153-486f-a2f2-a2f4ed9fa5f7" providerId="ADAL" clId="{EB724BA2-6309-493C-B65A-E886DA410F88}" dt="2021-09-21T15:33:23.864" v="1472"/>
          <ac:spMkLst>
            <pc:docMk/>
            <pc:sldMk cId="3711746448" sldId="771"/>
            <ac:spMk id="2" creationId="{1E0CF0F7-547A-4867-9931-22AA15CABA04}"/>
          </ac:spMkLst>
        </pc:spChg>
        <pc:spChg chg="mod">
          <ac:chgData name="Trine Løve" userId="8afeae00-0153-486f-a2f2-a2f4ed9fa5f7" providerId="ADAL" clId="{EB724BA2-6309-493C-B65A-E886DA410F88}" dt="2021-09-21T15:33:23.864" v="1474"/>
          <ac:spMkLst>
            <pc:docMk/>
            <pc:sldMk cId="3711746448" sldId="771"/>
            <ac:spMk id="3" creationId="{A60E9F5F-2704-4654-BD28-6DDF9E7F1EA3}"/>
          </ac:spMkLst>
        </pc:spChg>
        <pc:spChg chg="mod">
          <ac:chgData name="Trine Løve" userId="8afeae00-0153-486f-a2f2-a2f4ed9fa5f7" providerId="ADAL" clId="{EB724BA2-6309-493C-B65A-E886DA410F88}" dt="2021-09-21T15:33:23.865" v="1476"/>
          <ac:spMkLst>
            <pc:docMk/>
            <pc:sldMk cId="3711746448" sldId="771"/>
            <ac:spMk id="5" creationId="{968692F5-EF8A-497F-8B64-BD04C074EF49}"/>
          </ac:spMkLst>
        </pc:spChg>
        <pc:picChg chg="mod modCrop">
          <ac:chgData name="Trine Løve" userId="8afeae00-0153-486f-a2f2-a2f4ed9fa5f7" providerId="ADAL" clId="{EB724BA2-6309-493C-B65A-E886DA410F88}" dt="2021-09-21T15:33:23.866" v="1479"/>
          <ac:picMkLst>
            <pc:docMk/>
            <pc:sldMk cId="3711746448" sldId="771"/>
            <ac:picMk id="6" creationId="{33010AB9-BDA4-41C2-96BC-B09339C4AFF6}"/>
          </ac:picMkLst>
        </pc:picChg>
        <pc:picChg chg="mod modCrop">
          <ac:chgData name="Trine Løve" userId="8afeae00-0153-486f-a2f2-a2f4ed9fa5f7" providerId="ADAL" clId="{EB724BA2-6309-493C-B65A-E886DA410F88}" dt="2021-09-21T15:33:23.868" v="1484"/>
          <ac:picMkLst>
            <pc:docMk/>
            <pc:sldMk cId="3711746448" sldId="771"/>
            <ac:picMk id="11" creationId="{C93954B3-6848-451D-BF2A-7281EC8A72F3}"/>
          </ac:picMkLst>
        </pc:picChg>
        <pc:cxnChg chg="mod">
          <ac:chgData name="Trine Løve" userId="8afeae00-0153-486f-a2f2-a2f4ed9fa5f7" providerId="ADAL" clId="{EB724BA2-6309-493C-B65A-E886DA410F88}" dt="2021-09-21T15:33:23.867" v="1481"/>
          <ac:cxnSpMkLst>
            <pc:docMk/>
            <pc:sldMk cId="3711746448" sldId="771"/>
            <ac:cxnSpMk id="8" creationId="{0D25D093-B362-43F2-AB4A-12402B9A5017}"/>
          </ac:cxnSpMkLst>
        </pc:cxnChg>
      </pc:sldChg>
      <pc:sldChg chg="modSp add del mod">
        <pc:chgData name="Trine Løve" userId="8afeae00-0153-486f-a2f2-a2f4ed9fa5f7" providerId="ADAL" clId="{EB724BA2-6309-493C-B65A-E886DA410F88}" dt="2021-09-21T15:33:57.250" v="1500" actId="47"/>
        <pc:sldMkLst>
          <pc:docMk/>
          <pc:sldMk cId="3938847480" sldId="772"/>
        </pc:sldMkLst>
        <pc:spChg chg="mod">
          <ac:chgData name="Trine Løve" userId="8afeae00-0153-486f-a2f2-a2f4ed9fa5f7" providerId="ADAL" clId="{EB724BA2-6309-493C-B65A-E886DA410F88}" dt="2021-09-21T15:33:30.440" v="1487"/>
          <ac:spMkLst>
            <pc:docMk/>
            <pc:sldMk cId="3938847480" sldId="772"/>
            <ac:spMk id="2" creationId="{1E0CF0F7-547A-4867-9931-22AA15CABA04}"/>
          </ac:spMkLst>
        </pc:spChg>
        <pc:spChg chg="mod">
          <ac:chgData name="Trine Løve" userId="8afeae00-0153-486f-a2f2-a2f4ed9fa5f7" providerId="ADAL" clId="{EB724BA2-6309-493C-B65A-E886DA410F88}" dt="2021-09-21T15:33:30.441" v="1489"/>
          <ac:spMkLst>
            <pc:docMk/>
            <pc:sldMk cId="3938847480" sldId="772"/>
            <ac:spMk id="3" creationId="{A60E9F5F-2704-4654-BD28-6DDF9E7F1EA3}"/>
          </ac:spMkLst>
        </pc:spChg>
        <pc:spChg chg="mod">
          <ac:chgData name="Trine Løve" userId="8afeae00-0153-486f-a2f2-a2f4ed9fa5f7" providerId="ADAL" clId="{EB724BA2-6309-493C-B65A-E886DA410F88}" dt="2021-09-21T15:33:30.441" v="1491"/>
          <ac:spMkLst>
            <pc:docMk/>
            <pc:sldMk cId="3938847480" sldId="772"/>
            <ac:spMk id="5" creationId="{968692F5-EF8A-497F-8B64-BD04C074EF49}"/>
          </ac:spMkLst>
        </pc:spChg>
        <pc:picChg chg="mod modCrop">
          <ac:chgData name="Trine Løve" userId="8afeae00-0153-486f-a2f2-a2f4ed9fa5f7" providerId="ADAL" clId="{EB724BA2-6309-493C-B65A-E886DA410F88}" dt="2021-09-21T15:33:30.443" v="1494"/>
          <ac:picMkLst>
            <pc:docMk/>
            <pc:sldMk cId="3938847480" sldId="772"/>
            <ac:picMk id="6" creationId="{33010AB9-BDA4-41C2-96BC-B09339C4AFF6}"/>
          </ac:picMkLst>
        </pc:picChg>
        <pc:picChg chg="mod modCrop">
          <ac:chgData name="Trine Løve" userId="8afeae00-0153-486f-a2f2-a2f4ed9fa5f7" providerId="ADAL" clId="{EB724BA2-6309-493C-B65A-E886DA410F88}" dt="2021-09-21T15:33:30.445" v="1499"/>
          <ac:picMkLst>
            <pc:docMk/>
            <pc:sldMk cId="3938847480" sldId="772"/>
            <ac:picMk id="11" creationId="{C93954B3-6848-451D-BF2A-7281EC8A72F3}"/>
          </ac:picMkLst>
        </pc:picChg>
        <pc:cxnChg chg="mod">
          <ac:chgData name="Trine Løve" userId="8afeae00-0153-486f-a2f2-a2f4ed9fa5f7" providerId="ADAL" clId="{EB724BA2-6309-493C-B65A-E886DA410F88}" dt="2021-09-21T15:33:30.443" v="1496"/>
          <ac:cxnSpMkLst>
            <pc:docMk/>
            <pc:sldMk cId="3938847480" sldId="772"/>
            <ac:cxnSpMk id="8" creationId="{0D25D093-B362-43F2-AB4A-12402B9A5017}"/>
          </ac:cxnSpMkLst>
        </pc:cxn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073B2C-AA95-4367-B3A7-0571A0E222DA}" type="datetimeFigureOut">
              <a:rPr lang="da-DK" smtClean="0"/>
              <a:t>23-09-2021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BA7F7AF-3D06-40DB-8592-D8F778C779F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6349460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BA225F3-FA10-4700-8122-D0B921A1C08B}" type="datetimeFigureOut">
              <a:rPr lang="da-DK" smtClean="0"/>
              <a:t>23-09-2021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88B380C-8FBB-4185-BA97-97C149800FB2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9759508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7888244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5657706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88B380C-8FBB-4185-BA97-97C149800FB2}" type="slidenum">
              <a:rPr kumimoji="0" lang="da-DK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2616352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b="1">
                <a:solidFill>
                  <a:schemeClr val="accent1"/>
                </a:solidFill>
              </a:rPr>
              <a:t>Sådan hjælper vi </a:t>
            </a:r>
            <a:br>
              <a:rPr lang="da-DK" b="1">
                <a:solidFill>
                  <a:schemeClr val="accent1"/>
                </a:solidFill>
              </a:rPr>
            </a:br>
            <a:endParaRPr lang="da-DK" b="1">
              <a:solidFill>
                <a:schemeClr val="accent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/>
              <a:t>Vækstlån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/>
              <a:t>Vækstkau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/>
              <a:t>Ansvarligt lå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/>
              <a:t>Vækstgarant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/>
              <a:t>Kapital fra fonde, vi samarbejder m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/>
              <a:t>Børsnotering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/>
              <a:t>Business </a:t>
            </a:r>
            <a:r>
              <a:rPr lang="da-DK" err="1"/>
              <a:t>angel</a:t>
            </a:r>
            <a:r>
              <a:rPr lang="da-DK"/>
              <a:t> </a:t>
            </a:r>
            <a:r>
              <a:rPr lang="da-DK" err="1"/>
              <a:t>matching</a:t>
            </a:r>
            <a:r>
              <a:rPr lang="da-DK"/>
              <a:t> fon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/>
              <a:t>Danmarks Grønne Investeringsfond</a:t>
            </a:r>
            <a:br>
              <a:rPr lang="da-DK"/>
            </a:br>
            <a:br>
              <a:rPr lang="da-DK"/>
            </a:br>
            <a:r>
              <a:rPr lang="da-DK" i="1"/>
              <a:t>… Altid i samarbejde med det private marked</a:t>
            </a:r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6131764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507332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r det relevant</a:t>
            </a:r>
            <a:r>
              <a:rPr lang="da-DK" baseline="0" dirty="0"/>
              <a:t> i forhold til målgruppen, så indsæt evt. digitalisering i forbindelse med ‘en realistisk forretningsplan’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691102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2.png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199457" y="1700808"/>
            <a:ext cx="7354887" cy="1649860"/>
          </a:xfrm>
        </p:spPr>
        <p:txBody>
          <a:bodyPr anchor="b"/>
          <a:lstStyle>
            <a:lvl1pPr algn="l">
              <a:defRPr sz="4800" baseline="0"/>
            </a:lvl1pPr>
          </a:lstStyle>
          <a:p>
            <a:r>
              <a:rPr lang="da-DK"/>
              <a:t>Overskrift – gerne i to linjer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199696" y="3713005"/>
            <a:ext cx="7354887" cy="364067"/>
          </a:xfrm>
        </p:spPr>
        <p:txBody>
          <a:bodyPr/>
          <a:lstStyle>
            <a:lvl1pPr marL="0" indent="0" algn="l">
              <a:buNone/>
              <a:defRPr sz="1800" b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Underoverskrift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1199457" y="5319157"/>
            <a:ext cx="7354887" cy="216000"/>
          </a:xfrm>
        </p:spPr>
        <p:txBody>
          <a:bodyPr/>
          <a:lstStyle>
            <a:lvl1pPr>
              <a:defRPr sz="1800" b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1pPr>
          </a:lstStyle>
          <a:p>
            <a:pPr lvl="0"/>
            <a:r>
              <a:rPr lang="da-DK"/>
              <a:t>Oplægsholder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1199457" y="5589264"/>
            <a:ext cx="7354887" cy="216000"/>
          </a:xfrm>
        </p:spPr>
        <p:txBody>
          <a:bodyPr/>
          <a:lstStyle>
            <a:lvl1pPr>
              <a:defRPr sz="1800" b="0">
                <a:solidFill>
                  <a:schemeClr val="tx1"/>
                </a:solidFill>
                <a:latin typeface="Museo Slab 500" panose="02000000000000000000" pitchFamily="50" charset="0"/>
              </a:defRPr>
            </a:lvl1pPr>
          </a:lstStyle>
          <a:p>
            <a:pPr lvl="0"/>
            <a:r>
              <a:rPr lang="da-DK"/>
              <a:t>Sted og dato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720D7DBD-8B8E-4B4F-8428-F4782B6AB807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cxnSp>
        <p:nvCxnSpPr>
          <p:cNvPr id="9" name="Lige forbindelse 8"/>
          <p:cNvCxnSpPr/>
          <p:nvPr userDrawn="1"/>
        </p:nvCxnSpPr>
        <p:spPr>
          <a:xfrm>
            <a:off x="1199696" y="4437112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Rektangel 15"/>
          <p:cNvSpPr/>
          <p:nvPr userDrawn="1"/>
        </p:nvSpPr>
        <p:spPr>
          <a:xfrm>
            <a:off x="335360" y="1457731"/>
            <a:ext cx="2664296" cy="21602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323849" y="1936750"/>
            <a:ext cx="11541125" cy="4600576"/>
          </a:xfrm>
        </p:spPr>
        <p:txBody>
          <a:bodyPr tIns="576000" anchor="ctr" anchorCtr="0"/>
          <a:lstStyle>
            <a:lvl1pPr algn="ctr">
              <a:defRPr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ImageShopper</a:t>
            </a:r>
          </a:p>
        </p:txBody>
      </p:sp>
      <p:pic>
        <p:nvPicPr>
          <p:cNvPr id="8" name="Picture 3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Pladsholder til dato 2"/>
          <p:cNvSpPr>
            <a:spLocks noGrp="1"/>
          </p:cNvSpPr>
          <p:nvPr>
            <p:ph type="dt" sz="half" idx="14"/>
          </p:nvPr>
        </p:nvSpPr>
        <p:spPr>
          <a:xfrm>
            <a:off x="9915525" y="6537326"/>
            <a:ext cx="1233952" cy="31205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88AE1AD-F6F0-41FB-B62E-CE8B722E00EC}" type="datetime2">
              <a:rPr lang="da-DK" smtClean="0"/>
              <a:pPr/>
              <a:t>23. september 2021</a:t>
            </a:fld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5"/>
          </p:nvPr>
        </p:nvSpPr>
        <p:spPr>
          <a:xfrm>
            <a:off x="4289425" y="6537326"/>
            <a:ext cx="5481637" cy="31205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6"/>
          </p:nvPr>
        </p:nvSpPr>
        <p:spPr>
          <a:xfrm>
            <a:off x="11185200" y="6537326"/>
            <a:ext cx="680772" cy="31205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cxnSp>
        <p:nvCxnSpPr>
          <p:cNvPr id="9" name="Lige forbindelse 8"/>
          <p:cNvCxnSpPr/>
          <p:nvPr userDrawn="1"/>
        </p:nvCxnSpPr>
        <p:spPr>
          <a:xfrm>
            <a:off x="541338" y="1634067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960902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89600" cy="6858000"/>
          </a:xfrm>
        </p:spPr>
        <p:txBody>
          <a:bodyPr tIns="576000" anchor="ctr" anchorCtr="0"/>
          <a:lstStyle>
            <a:lvl1pPr algn="ctr">
              <a:defRPr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ImageShopper</a:t>
            </a:r>
          </a:p>
        </p:txBody>
      </p:sp>
      <p:sp>
        <p:nvSpPr>
          <p:cNvPr id="2" name="Pladsholder til dato 1"/>
          <p:cNvSpPr>
            <a:spLocks noGrp="1"/>
          </p:cNvSpPr>
          <p:nvPr>
            <p:ph type="dt" sz="half" idx="14"/>
          </p:nvPr>
        </p:nvSpPr>
        <p:spPr>
          <a:xfrm>
            <a:off x="9915525" y="6535737"/>
            <a:ext cx="1233952" cy="32226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88AE1AD-F6F0-41FB-B62E-CE8B722E00EC}" type="datetime2">
              <a:rPr lang="da-DK" smtClean="0"/>
              <a:pPr/>
              <a:t>23. september 2021</a:t>
            </a:fld>
            <a:endParaRPr lang="da-DK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5"/>
          </p:nvPr>
        </p:nvSpPr>
        <p:spPr>
          <a:xfrm>
            <a:off x="4289425" y="6535738"/>
            <a:ext cx="5481637" cy="32226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6"/>
          </p:nvPr>
        </p:nvSpPr>
        <p:spPr>
          <a:xfrm>
            <a:off x="11185200" y="6535737"/>
            <a:ext cx="679775" cy="32226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7" name="Billede 6"/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53533" y="404664"/>
            <a:ext cx="1728000" cy="7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29977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poin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8" y="2008188"/>
            <a:ext cx="1731962" cy="1441449"/>
          </a:xfrm>
        </p:spPr>
        <p:txBody>
          <a:bodyPr/>
          <a:lstStyle>
            <a:lvl1pPr>
              <a:lnSpc>
                <a:spcPct val="89000"/>
              </a:lnSpc>
              <a:defRPr sz="105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/>
              <a:t>#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541338" y="3594100"/>
            <a:ext cx="3605212" cy="1203052"/>
          </a:xfrm>
        </p:spPr>
        <p:txBody>
          <a:bodyPr/>
          <a:lstStyle>
            <a:lvl1pPr>
              <a:lnSpc>
                <a:spcPct val="83000"/>
              </a:lnSpc>
              <a:defRPr sz="3100" b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3" name="Text Placeholder 6"/>
          <p:cNvSpPr>
            <a:spLocks noGrp="1"/>
          </p:cNvSpPr>
          <p:nvPr>
            <p:ph type="body" sz="quarter" idx="15" hasCustomPrompt="1"/>
          </p:nvPr>
        </p:nvSpPr>
        <p:spPr>
          <a:xfrm>
            <a:off x="4287838" y="2008189"/>
            <a:ext cx="1731962" cy="1441449"/>
          </a:xfrm>
        </p:spPr>
        <p:txBody>
          <a:bodyPr/>
          <a:lstStyle>
            <a:lvl1pPr>
              <a:lnSpc>
                <a:spcPct val="89000"/>
              </a:lnSpc>
              <a:defRPr sz="105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/>
              <a:t>#</a:t>
            </a:r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16"/>
          </p:nvPr>
        </p:nvSpPr>
        <p:spPr>
          <a:xfrm>
            <a:off x="4287838" y="3594101"/>
            <a:ext cx="3605212" cy="1203051"/>
          </a:xfrm>
        </p:spPr>
        <p:txBody>
          <a:bodyPr/>
          <a:lstStyle>
            <a:lvl1pPr>
              <a:lnSpc>
                <a:spcPct val="83000"/>
              </a:lnSpc>
              <a:defRPr sz="3100" b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5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045450" y="2008189"/>
            <a:ext cx="1731962" cy="1441449"/>
          </a:xfrm>
        </p:spPr>
        <p:txBody>
          <a:bodyPr/>
          <a:lstStyle>
            <a:lvl1pPr>
              <a:lnSpc>
                <a:spcPct val="89000"/>
              </a:lnSpc>
              <a:defRPr sz="105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/>
              <a:t>#</a:t>
            </a:r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8045450" y="3594101"/>
            <a:ext cx="3605212" cy="1203051"/>
          </a:xfrm>
        </p:spPr>
        <p:txBody>
          <a:bodyPr/>
          <a:lstStyle>
            <a:lvl1pPr>
              <a:lnSpc>
                <a:spcPct val="83000"/>
              </a:lnSpc>
              <a:defRPr sz="3100" b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-2762370" y="1"/>
            <a:ext cx="2646254" cy="1488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Date Placeholder 5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3DBBCB70-A1C6-4A06-AFC9-AD51E3F7EC20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22"/>
          </p:nvPr>
        </p:nvSpPr>
        <p:spPr>
          <a:xfrm>
            <a:off x="541338" y="4797425"/>
            <a:ext cx="3605212" cy="115252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23"/>
          </p:nvPr>
        </p:nvSpPr>
        <p:spPr>
          <a:xfrm>
            <a:off x="4287838" y="4793952"/>
            <a:ext cx="3605212" cy="115252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8" name="Pladsholder til tekst 3"/>
          <p:cNvSpPr>
            <a:spLocks noGrp="1"/>
          </p:cNvSpPr>
          <p:nvPr>
            <p:ph type="body" sz="quarter" idx="24"/>
          </p:nvPr>
        </p:nvSpPr>
        <p:spPr>
          <a:xfrm>
            <a:off x="8045450" y="4793951"/>
            <a:ext cx="3605212" cy="115252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</p:txBody>
      </p:sp>
    </p:spTree>
    <p:extLst>
      <p:ext uri="{BB962C8B-B14F-4D97-AF65-F5344CB8AC3E}">
        <p14:creationId xmlns:p14="http://schemas.microsoft.com/office/powerpoint/2010/main" val="196669558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 og speciel punktopsti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541337" y="2038332"/>
            <a:ext cx="7354887" cy="4311650"/>
          </a:xfrm>
        </p:spPr>
        <p:txBody>
          <a:bodyPr/>
          <a:lstStyle>
            <a:lvl1pPr>
              <a:lnSpc>
                <a:spcPct val="94000"/>
              </a:lnSpc>
              <a:defRPr sz="48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pic>
        <p:nvPicPr>
          <p:cNvPr id="6146" name="Picture 2" descr="U:\Vaekstfonden\Jobs\4217_Opgradering af PresentationEngine til version 3_0\Received\LO\POWERPOINT_16-9_KOMPLET_NEW_Page_09.jpg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762377" y="1"/>
            <a:ext cx="2646268" cy="1488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8040688" y="2157412"/>
            <a:ext cx="3606799" cy="4162425"/>
          </a:xfrm>
        </p:spPr>
        <p:txBody>
          <a:bodyPr/>
          <a:lstStyle>
            <a:lvl2pPr marL="216000" indent="-216000">
              <a:buFont typeface="Verdana" pitchFamily="34" charset="0"/>
              <a:buChar char="…"/>
              <a:defRPr/>
            </a:lvl2pPr>
            <a:lvl3pPr marL="216000" indent="-216000">
              <a:buFont typeface="Verdana" pitchFamily="34" charset="0"/>
              <a:buChar char="…"/>
              <a:defRPr/>
            </a:lvl3pPr>
            <a:lvl4pPr marL="216000" indent="-216000">
              <a:buFont typeface="Verdana" pitchFamily="34" charset="0"/>
              <a:buChar char="…"/>
              <a:defRPr/>
            </a:lvl4pPr>
            <a:lvl5pPr marL="216000" indent="-216000">
              <a:buFont typeface="Verdana" pitchFamily="34" charset="0"/>
              <a:buChar char="…"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F84932E-2382-438F-929B-A4841C4E3911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208246403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199457" y="1700808"/>
            <a:ext cx="7354887" cy="1649860"/>
          </a:xfrm>
        </p:spPr>
        <p:txBody>
          <a:bodyPr anchor="b"/>
          <a:lstStyle>
            <a:lvl1pPr algn="l">
              <a:defRPr sz="4800" baseline="0">
                <a:solidFill>
                  <a:schemeClr val="bg1"/>
                </a:solidFill>
              </a:defRPr>
            </a:lvl1pPr>
          </a:lstStyle>
          <a:p>
            <a:r>
              <a:rPr lang="da-DK"/>
              <a:t>Titel på emne – gerne </a:t>
            </a:r>
            <a:br>
              <a:rPr lang="da-DK"/>
            </a:br>
            <a:r>
              <a:rPr lang="da-DK"/>
              <a:t>i to lag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199696" y="4145053"/>
            <a:ext cx="7354887" cy="364067"/>
          </a:xfrm>
        </p:spPr>
        <p:txBody>
          <a:bodyPr/>
          <a:lstStyle>
            <a:lvl1pPr marL="0" indent="0" algn="l">
              <a:buNone/>
              <a:defRPr sz="18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Underoverskrift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720D7DBD-8B8E-4B4F-8428-F4782B6AB807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cxnSp>
        <p:nvCxnSpPr>
          <p:cNvPr id="9" name="Lige forbindelse 8"/>
          <p:cNvCxnSpPr/>
          <p:nvPr userDrawn="1"/>
        </p:nvCxnSpPr>
        <p:spPr>
          <a:xfrm>
            <a:off x="1199696" y="4437112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Lige forbindelse 7"/>
          <p:cNvCxnSpPr/>
          <p:nvPr userDrawn="1"/>
        </p:nvCxnSpPr>
        <p:spPr>
          <a:xfrm>
            <a:off x="1199696" y="3645024"/>
            <a:ext cx="2160000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2905866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grøn sk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7" y="693738"/>
            <a:ext cx="7354887" cy="5656244"/>
          </a:xfrm>
        </p:spPr>
        <p:txBody>
          <a:bodyPr/>
          <a:lstStyle>
            <a:lvl1pPr>
              <a:lnSpc>
                <a:spcPct val="94000"/>
              </a:lnSpc>
              <a:defRPr sz="4800" b="0" i="1" baseline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/>
              <a:t>”Indsæt tekst her Indsæt tekst her Indsæt tekst her Indsæt tekst her Indsæt tekst her Indsæt tekst her Indsæt tekst her”</a:t>
            </a:r>
          </a:p>
        </p:txBody>
      </p:sp>
      <p:pic>
        <p:nvPicPr>
          <p:cNvPr id="11" name="Picture 3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" name="Picture 2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-2762370" y="1"/>
            <a:ext cx="2646254" cy="1488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7" name="AutoShape 4"/>
          <p:cNvSpPr>
            <a:spLocks/>
          </p:cNvSpPr>
          <p:nvPr userDrawn="1"/>
        </p:nvSpPr>
        <p:spPr bwMode="gray">
          <a:xfrm>
            <a:off x="-2022475" y="2134942"/>
            <a:ext cx="1871663" cy="16927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da-DK" sz="1000" b="1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Tekst starter uden punktopstilling</a:t>
            </a:r>
          </a:p>
          <a:p>
            <a:pPr algn="r" defTabSz="457200">
              <a:tabLst>
                <a:tab pos="177800" algn="l"/>
              </a:tabLst>
            </a:pPr>
            <a:r>
              <a:rPr lang="da-DK" sz="100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For at få punktopstilling </a:t>
            </a:r>
            <a:br>
              <a:rPr lang="da-DK" sz="100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</a:br>
            <a:r>
              <a:rPr lang="da-DK" sz="100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på teksten (flere niveauer findes) klik på ‘Forøg listeniveau’ 2 gange</a:t>
            </a:r>
          </a:p>
          <a:p>
            <a:pPr algn="r" defTabSz="457200">
              <a:tabLst>
                <a:tab pos="177800" algn="l"/>
              </a:tabLst>
            </a:pPr>
            <a:br>
              <a:rPr lang="da-DK" sz="100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</a:br>
            <a:r>
              <a:rPr lang="da-DK" sz="100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For at få venstrestillet tekst </a:t>
            </a:r>
            <a:br>
              <a:rPr lang="da-DK" sz="100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</a:br>
            <a:r>
              <a:rPr lang="da-DK" sz="100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uden punktopstilling, brug ‘Formindsk listeniveau’</a:t>
            </a:r>
          </a:p>
          <a:p>
            <a:pPr algn="r" defTabSz="457200">
              <a:tabLst>
                <a:tab pos="177800" algn="l"/>
              </a:tabLst>
            </a:pPr>
            <a:endParaRPr lang="da-DK" sz="1000">
              <a:solidFill>
                <a:schemeClr val="tx1">
                  <a:lumMod val="75000"/>
                  <a:lumOff val="25000"/>
                </a:schemeClr>
              </a:solidFill>
              <a:cs typeface="Arial" charset="0"/>
            </a:endParaRPr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4375820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" name="Tekstboks 14"/>
          <p:cNvSpPr txBox="1"/>
          <p:nvPr userDrawn="1"/>
        </p:nvSpPr>
        <p:spPr>
          <a:xfrm>
            <a:off x="-1543050" y="3882862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220637428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8C57E9-AB1A-4B22-A2A6-8219F5B282D0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3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EB1A61-6241-473F-A27B-C9EAA8A1C5B5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sitko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/>
              <a:t>Klik for at redigere titeltypografien i masteren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541338" y="2147888"/>
            <a:ext cx="3605212" cy="2736850"/>
          </a:xfrm>
        </p:spPr>
        <p:txBody>
          <a:bodyPr tIns="864000" anchor="ctr" anchorCtr="0"/>
          <a:lstStyle>
            <a:lvl1pPr algn="ctr">
              <a:defRPr sz="1600"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sort/hvid foto fra ImageShopper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4289424" y="2157412"/>
            <a:ext cx="7358063" cy="4162426"/>
          </a:xfrm>
        </p:spPr>
        <p:txBody>
          <a:bodyPr/>
          <a:lstStyle>
            <a:lvl1pPr>
              <a:defRPr sz="24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Navn Navnesen</a:t>
            </a:r>
          </a:p>
          <a:p>
            <a:pPr lvl="0"/>
            <a:r>
              <a:rPr lang="da-DK"/>
              <a:t>Titel</a:t>
            </a:r>
          </a:p>
          <a:p>
            <a:pPr lvl="0"/>
            <a:r>
              <a:rPr lang="da-DK"/>
              <a:t>+45 12 34 56 78</a:t>
            </a:r>
          </a:p>
          <a:p>
            <a:pPr lvl="0"/>
            <a:r>
              <a:rPr lang="da-DK"/>
              <a:t>Navn@vf.dk</a:t>
            </a:r>
          </a:p>
          <a:p>
            <a:pPr lvl="0"/>
            <a:endParaRPr lang="da-DK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86F0A254-735F-4B35-8A6A-9504ABDB0C56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2278970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sitko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/>
              <a:t>Klik for at redigere i master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541338" y="2147888"/>
            <a:ext cx="3605212" cy="2736850"/>
          </a:xfrm>
        </p:spPr>
        <p:txBody>
          <a:bodyPr tIns="864000" anchor="ctr" anchorCtr="0"/>
          <a:lstStyle>
            <a:lvl1pPr algn="ctr">
              <a:defRPr sz="1600"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sort/hvid foto fra ImageShopper</a:t>
            </a: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8" hasCustomPrompt="1"/>
          </p:nvPr>
        </p:nvSpPr>
        <p:spPr>
          <a:xfrm>
            <a:off x="4440238" y="2781300"/>
            <a:ext cx="4896122" cy="431800"/>
          </a:xfrm>
        </p:spPr>
        <p:txBody>
          <a:bodyPr/>
          <a:lstStyle>
            <a:lvl1pPr>
              <a:defRPr sz="2400"/>
            </a:lvl1pPr>
          </a:lstStyle>
          <a:p>
            <a:pPr lvl="0"/>
            <a:r>
              <a:rPr lang="da-DK"/>
              <a:t>Navn</a:t>
            </a:r>
          </a:p>
        </p:txBody>
      </p:sp>
      <p:sp>
        <p:nvSpPr>
          <p:cNvPr id="17" name="Pladsholder til tekst 15"/>
          <p:cNvSpPr>
            <a:spLocks noGrp="1"/>
          </p:cNvSpPr>
          <p:nvPr>
            <p:ph type="body" sz="quarter" idx="19" hasCustomPrompt="1"/>
          </p:nvPr>
        </p:nvSpPr>
        <p:spPr>
          <a:xfrm>
            <a:off x="4440238" y="3213100"/>
            <a:ext cx="4896122" cy="431800"/>
          </a:xfrm>
        </p:spPr>
        <p:txBody>
          <a:bodyPr/>
          <a:lstStyle>
            <a:lvl1pPr>
              <a:defRPr sz="2400"/>
            </a:lvl1pPr>
          </a:lstStyle>
          <a:p>
            <a:pPr lvl="0"/>
            <a:r>
              <a:rPr lang="da-DK"/>
              <a:t>Titel</a:t>
            </a:r>
          </a:p>
        </p:txBody>
      </p:sp>
      <p:sp>
        <p:nvSpPr>
          <p:cNvPr id="18" name="Pladsholder til tekst 15"/>
          <p:cNvSpPr>
            <a:spLocks noGrp="1"/>
          </p:cNvSpPr>
          <p:nvPr>
            <p:ph type="body" sz="quarter" idx="20" hasCustomPrompt="1"/>
          </p:nvPr>
        </p:nvSpPr>
        <p:spPr>
          <a:xfrm>
            <a:off x="4440238" y="3817858"/>
            <a:ext cx="4896122" cy="25884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tlf. nummer</a:t>
            </a:r>
          </a:p>
        </p:txBody>
      </p:sp>
      <p:sp>
        <p:nvSpPr>
          <p:cNvPr id="19" name="Pladsholder til tekst 15"/>
          <p:cNvSpPr>
            <a:spLocks noGrp="1"/>
          </p:cNvSpPr>
          <p:nvPr>
            <p:ph type="body" sz="quarter" idx="21" hasCustomPrompt="1"/>
          </p:nvPr>
        </p:nvSpPr>
        <p:spPr>
          <a:xfrm>
            <a:off x="4439816" y="4171236"/>
            <a:ext cx="4896544" cy="26587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err="1"/>
              <a:t>Email</a:t>
            </a:r>
            <a:endParaRPr lang="da-DK"/>
          </a:p>
        </p:txBody>
      </p:sp>
      <p:sp>
        <p:nvSpPr>
          <p:cNvPr id="22" name="Pladsholder til indhold 21"/>
          <p:cNvSpPr>
            <a:spLocks noGrp="1"/>
          </p:cNvSpPr>
          <p:nvPr>
            <p:ph sz="quarter" idx="22" hasCustomPrompt="1"/>
          </p:nvPr>
        </p:nvSpPr>
        <p:spPr>
          <a:xfrm>
            <a:off x="4440238" y="4581525"/>
            <a:ext cx="2160587" cy="303213"/>
          </a:xfrm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www.vf.dk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23" hasCustomPrompt="1"/>
          </p:nvPr>
        </p:nvSpPr>
        <p:spPr>
          <a:xfrm>
            <a:off x="4440238" y="2147888"/>
            <a:ext cx="4176712" cy="431800"/>
          </a:xfrm>
        </p:spPr>
        <p:txBody>
          <a:bodyPr/>
          <a:lstStyle>
            <a:lvl1pPr>
              <a:defRPr sz="2400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Yderligere information</a:t>
            </a:r>
          </a:p>
        </p:txBody>
      </p:sp>
    </p:spTree>
    <p:extLst>
      <p:ext uri="{BB962C8B-B14F-4D97-AF65-F5344CB8AC3E}">
        <p14:creationId xmlns:p14="http://schemas.microsoft.com/office/powerpoint/2010/main" val="17254367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9"/>
          <p:cNvSpPr>
            <a:spLocks noGrp="1"/>
          </p:cNvSpPr>
          <p:nvPr userDrawn="1">
            <p:ph type="dt" sz="half" idx="10"/>
          </p:nvPr>
        </p:nvSpPr>
        <p:spPr/>
        <p:txBody>
          <a:bodyPr/>
          <a:lstStyle/>
          <a:p>
            <a:fld id="{16F7810A-CB3A-4DC3-97E1-C5F2450471E0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11" name="Footer Placeholder 10"/>
          <p:cNvSpPr>
            <a:spLocks noGrp="1"/>
          </p:cNvSpPr>
          <p:nvPr userDrawn="1"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2" name="Slide Number Placeholder 11"/>
          <p:cNvSpPr>
            <a:spLocks noGrp="1"/>
          </p:cNvSpPr>
          <p:nvPr userDrawn="1">
            <p:ph type="sldNum" sz="quarter" idx="12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/>
              <a:t>Klik for at redigere titeltypografien i masteren</a:t>
            </a:r>
          </a:p>
        </p:txBody>
      </p:sp>
      <p:sp>
        <p:nvSpPr>
          <p:cNvPr id="9" name="TextBox 17"/>
          <p:cNvSpPr txBox="1">
            <a:spLocks noChangeArrowheads="1"/>
          </p:cNvSpPr>
          <p:nvPr userDrawn="1"/>
        </p:nvSpPr>
        <p:spPr bwMode="auto">
          <a:xfrm>
            <a:off x="-2521804" y="1640417"/>
            <a:ext cx="2370992" cy="39241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spcBef>
                <a:spcPct val="50000"/>
              </a:spcBef>
            </a:pPr>
            <a: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Tekst starter uden </a:t>
            </a:r>
            <a:b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punktopstilling</a:t>
            </a:r>
            <a:b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For at få punktopstilling </a:t>
            </a:r>
            <a:b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på teksten </a:t>
            </a:r>
            <a:b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(flere niveauer findes) klik på</a:t>
            </a:r>
            <a:b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 ‘Forøg listeniveau’ 1</a:t>
            </a:r>
            <a:r>
              <a:rPr lang="da-DK" sz="1000" b="1" kern="1200" baseline="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 </a:t>
            </a:r>
            <a: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gang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1. Niveau</a:t>
            </a:r>
            <a:br>
              <a:rPr lang="da-DK" sz="1000" b="1" noProof="1">
                <a:solidFill>
                  <a:schemeClr val="tx1"/>
                </a:solidFill>
                <a:latin typeface="+mn-lt"/>
              </a:rPr>
            </a:br>
            <a:r>
              <a:rPr lang="da-DK" sz="1000" b="1" noProof="1">
                <a:solidFill>
                  <a:schemeClr val="tx1"/>
                </a:solidFill>
                <a:latin typeface="+mn-lt"/>
              </a:rPr>
              <a:t> </a:t>
            </a:r>
            <a:r>
              <a:rPr lang="da-DK" sz="1800" b="0" noProof="1">
                <a:solidFill>
                  <a:schemeClr val="tx1"/>
                </a:solidFill>
                <a:latin typeface="+mn-lt"/>
              </a:rPr>
              <a:t>Underoverskift</a:t>
            </a:r>
            <a:endParaRPr lang="da-DK" sz="2500" b="0" noProof="1">
              <a:solidFill>
                <a:schemeClr val="tx1"/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2. Niveau</a:t>
            </a:r>
          </a:p>
          <a:p>
            <a:pPr marL="216000" indent="-216000" algn="r" eaLnBrk="1" hangingPunct="1">
              <a:spcBef>
                <a:spcPts val="0"/>
              </a:spcBef>
              <a:buFont typeface="Arial" pitchFamily="34" charset="0"/>
              <a:buChar char="•"/>
            </a:pPr>
            <a:r>
              <a:rPr lang="da-DK" sz="1800" b="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3. Niveau </a:t>
            </a:r>
          </a:p>
          <a:p>
            <a:pPr marL="144000" indent="-144000" algn="r" eaLnBrk="1" hangingPunct="1">
              <a:spcBef>
                <a:spcPts val="0"/>
              </a:spcBef>
              <a:buFont typeface="Verdana" pitchFamily="34" charset="0"/>
              <a:buChar char="·"/>
            </a:pPr>
            <a:r>
              <a:rPr lang="da-DK" sz="18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marL="0" indent="0" algn="r" eaLnBrk="1" hangingPunct="1">
              <a:spcBef>
                <a:spcPts val="600"/>
              </a:spcBef>
              <a:buFontTx/>
              <a:buNone/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4.Niveau</a:t>
            </a:r>
          </a:p>
          <a:p>
            <a:pPr marL="144000" indent="-144000" algn="r" eaLnBrk="1" hangingPunct="1">
              <a:spcBef>
                <a:spcPts val="0"/>
              </a:spcBef>
              <a:buFont typeface="Verdana" pitchFamily="34" charset="0"/>
              <a:buChar char="·"/>
            </a:pPr>
            <a:r>
              <a:rPr lang="da-DK" sz="18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marL="0" indent="0" algn="r" eaLnBrk="1" hangingPunct="1">
              <a:spcBef>
                <a:spcPts val="0"/>
              </a:spcBef>
              <a:buFont typeface="Verdana" pitchFamily="34" charset="0"/>
              <a:buNone/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5.Niveau</a:t>
            </a:r>
          </a:p>
          <a:p>
            <a:pPr marL="144000" indent="-144000" algn="r" eaLnBrk="1" hangingPunct="1">
              <a:spcBef>
                <a:spcPts val="0"/>
              </a:spcBef>
              <a:buFont typeface="Verdana" pitchFamily="34" charset="0"/>
              <a:buChar char="·"/>
            </a:pPr>
            <a:r>
              <a:rPr lang="da-DK" sz="18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For at få venstrestillet tekst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uden punktopstilling,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 brug </a:t>
            </a: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‘Formindsk listeniveau’</a:t>
            </a:r>
          </a:p>
        </p:txBody>
      </p:sp>
      <p:sp>
        <p:nvSpPr>
          <p:cNvPr id="5" name="Pladsholder til indhold 4"/>
          <p:cNvSpPr>
            <a:spLocks noGrp="1"/>
          </p:cNvSpPr>
          <p:nvPr>
            <p:ph sz="quarter" idx="13"/>
          </p:nvPr>
        </p:nvSpPr>
        <p:spPr>
          <a:xfrm>
            <a:off x="541338" y="2157412"/>
            <a:ext cx="11106150" cy="4162426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pic>
        <p:nvPicPr>
          <p:cNvPr id="13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6215199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Tekstboks 13"/>
          <p:cNvSpPr txBox="1"/>
          <p:nvPr userDrawn="1"/>
        </p:nvSpPr>
        <p:spPr>
          <a:xfrm>
            <a:off x="-1543050" y="5722241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199457" y="1700808"/>
            <a:ext cx="7354887" cy="1649860"/>
          </a:xfrm>
        </p:spPr>
        <p:txBody>
          <a:bodyPr anchor="b"/>
          <a:lstStyle>
            <a:lvl1pPr algn="l">
              <a:defRPr sz="4800" baseline="0"/>
            </a:lvl1pPr>
          </a:lstStyle>
          <a:p>
            <a:r>
              <a:rPr lang="da-DK" dirty="0"/>
              <a:t>Overskrift – gerne i to linjer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199696" y="3713005"/>
            <a:ext cx="7354887" cy="364067"/>
          </a:xfrm>
        </p:spPr>
        <p:txBody>
          <a:bodyPr/>
          <a:lstStyle>
            <a:lvl1pPr marL="0" indent="0" algn="l">
              <a:buNone/>
              <a:defRPr sz="1800" b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Underoverskrift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1199457" y="5319157"/>
            <a:ext cx="7354887" cy="216000"/>
          </a:xfrm>
        </p:spPr>
        <p:txBody>
          <a:bodyPr/>
          <a:lstStyle>
            <a:lvl1pPr>
              <a:defRPr sz="1800" b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1pPr>
          </a:lstStyle>
          <a:p>
            <a:pPr lvl="0"/>
            <a:r>
              <a:rPr lang="da-DK" dirty="0"/>
              <a:t>Oplægsholder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1199457" y="5589264"/>
            <a:ext cx="7354887" cy="216000"/>
          </a:xfrm>
        </p:spPr>
        <p:txBody>
          <a:bodyPr/>
          <a:lstStyle>
            <a:lvl1pPr>
              <a:defRPr sz="1800" b="0">
                <a:solidFill>
                  <a:schemeClr val="tx1"/>
                </a:solidFill>
                <a:latin typeface="Museo Slab 500" panose="02000000000000000000" pitchFamily="50" charset="0"/>
              </a:defRPr>
            </a:lvl1pPr>
          </a:lstStyle>
          <a:p>
            <a:pPr lvl="0"/>
            <a:r>
              <a:rPr lang="da-DK" dirty="0"/>
              <a:t>Sted og dato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720D7DBD-8B8E-4B4F-8428-F4782B6AB807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9" name="Lige forbindelse 8"/>
          <p:cNvCxnSpPr/>
          <p:nvPr userDrawn="1"/>
        </p:nvCxnSpPr>
        <p:spPr>
          <a:xfrm>
            <a:off x="1199696" y="4437112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Rektangel 15"/>
          <p:cNvSpPr/>
          <p:nvPr userDrawn="1"/>
        </p:nvSpPr>
        <p:spPr>
          <a:xfrm>
            <a:off x="335360" y="1457731"/>
            <a:ext cx="2664296" cy="21602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6345225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9"/>
          <p:cNvSpPr>
            <a:spLocks noGrp="1"/>
          </p:cNvSpPr>
          <p:nvPr userDrawn="1">
            <p:ph type="dt" sz="half" idx="10"/>
          </p:nvPr>
        </p:nvSpPr>
        <p:spPr/>
        <p:txBody>
          <a:bodyPr/>
          <a:lstStyle/>
          <a:p>
            <a:fld id="{16F7810A-CB3A-4DC3-97E1-C5F2450471E0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11" name="Footer Placeholder 10"/>
          <p:cNvSpPr>
            <a:spLocks noGrp="1"/>
          </p:cNvSpPr>
          <p:nvPr userDrawn="1"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Slide Number Placeholder 11"/>
          <p:cNvSpPr>
            <a:spLocks noGrp="1"/>
          </p:cNvSpPr>
          <p:nvPr userDrawn="1">
            <p:ph type="sldNum" sz="quarter" idx="12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/>
              <a:t>Klik for at redigere i master</a:t>
            </a:r>
            <a:endParaRPr lang="da-DK" noProof="0" dirty="0"/>
          </a:p>
        </p:txBody>
      </p:sp>
      <p:sp>
        <p:nvSpPr>
          <p:cNvPr id="9" name="TextBox 17"/>
          <p:cNvSpPr txBox="1">
            <a:spLocks noChangeArrowheads="1"/>
          </p:cNvSpPr>
          <p:nvPr userDrawn="1"/>
        </p:nvSpPr>
        <p:spPr bwMode="auto">
          <a:xfrm>
            <a:off x="-2521804" y="1640417"/>
            <a:ext cx="2370992" cy="39241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spcBef>
                <a:spcPct val="50000"/>
              </a:spcBef>
            </a:pPr>
            <a: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Tekst starter uden </a:t>
            </a:r>
            <a:b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punktopstilling</a:t>
            </a:r>
            <a:b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For at få punktopstilling </a:t>
            </a:r>
            <a:b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på teksten </a:t>
            </a:r>
            <a:b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(flere niveauer findes) klik på</a:t>
            </a:r>
            <a:br>
              <a:rPr lang="da-DK" sz="1000" b="0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 ‘Forøg listeniveau’ 1</a:t>
            </a:r>
            <a:r>
              <a:rPr lang="da-DK" sz="1000" b="1" kern="1200" baseline="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 </a:t>
            </a:r>
            <a:r>
              <a:rPr lang="da-DK" sz="1000" b="1" kern="12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gang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1. Niveau</a:t>
            </a:r>
            <a:br>
              <a:rPr lang="da-DK" sz="1000" b="1" noProof="1">
                <a:solidFill>
                  <a:schemeClr val="tx1"/>
                </a:solidFill>
                <a:latin typeface="+mn-lt"/>
              </a:rPr>
            </a:br>
            <a:r>
              <a:rPr lang="da-DK" sz="1000" b="1" noProof="1">
                <a:solidFill>
                  <a:schemeClr val="tx1"/>
                </a:solidFill>
                <a:latin typeface="+mn-lt"/>
              </a:rPr>
              <a:t> </a:t>
            </a:r>
            <a:r>
              <a:rPr lang="da-DK" sz="1800" b="0" noProof="1">
                <a:solidFill>
                  <a:schemeClr val="tx1"/>
                </a:solidFill>
                <a:latin typeface="+mn-lt"/>
              </a:rPr>
              <a:t>Underoverskift</a:t>
            </a:r>
            <a:endParaRPr lang="da-DK" sz="2500" b="0" noProof="1">
              <a:solidFill>
                <a:schemeClr val="tx1"/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2. Niveau</a:t>
            </a:r>
          </a:p>
          <a:p>
            <a:pPr marL="216000" indent="-216000" algn="r" eaLnBrk="1" hangingPunct="1">
              <a:spcBef>
                <a:spcPts val="0"/>
              </a:spcBef>
              <a:buFont typeface="Arial" pitchFamily="34" charset="0"/>
              <a:buChar char="•"/>
            </a:pPr>
            <a:r>
              <a:rPr lang="da-DK" sz="1800" b="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3. Niveau </a:t>
            </a:r>
          </a:p>
          <a:p>
            <a:pPr marL="144000" indent="-144000" algn="r" eaLnBrk="1" hangingPunct="1">
              <a:spcBef>
                <a:spcPts val="0"/>
              </a:spcBef>
              <a:buFont typeface="Verdana" pitchFamily="34" charset="0"/>
              <a:buChar char="·"/>
            </a:pPr>
            <a:r>
              <a:rPr lang="da-DK" sz="18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marL="0" indent="0" algn="r" eaLnBrk="1" hangingPunct="1">
              <a:spcBef>
                <a:spcPts val="600"/>
              </a:spcBef>
              <a:buFontTx/>
              <a:buNone/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4.Niveau</a:t>
            </a:r>
          </a:p>
          <a:p>
            <a:pPr marL="144000" indent="-144000" algn="r" eaLnBrk="1" hangingPunct="1">
              <a:spcBef>
                <a:spcPts val="0"/>
              </a:spcBef>
              <a:buFont typeface="Verdana" pitchFamily="34" charset="0"/>
              <a:buChar char="·"/>
            </a:pPr>
            <a:r>
              <a:rPr lang="da-DK" sz="18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marL="0" indent="0" algn="r" eaLnBrk="1" hangingPunct="1">
              <a:spcBef>
                <a:spcPts val="0"/>
              </a:spcBef>
              <a:buFont typeface="Verdana" pitchFamily="34" charset="0"/>
              <a:buNone/>
            </a:pP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5.Niveau</a:t>
            </a:r>
          </a:p>
          <a:p>
            <a:pPr marL="144000" indent="-144000" algn="r" eaLnBrk="1" hangingPunct="1">
              <a:spcBef>
                <a:spcPts val="0"/>
              </a:spcBef>
              <a:buFont typeface="Verdana" pitchFamily="34" charset="0"/>
              <a:buChar char="·"/>
            </a:pPr>
            <a:r>
              <a:rPr lang="da-DK" sz="18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For at få venstrestillet tekst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uden punktopstilling,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 brug </a:t>
            </a:r>
            <a:r>
              <a:rPr lang="da-DK" sz="1000" b="1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‘Formindsk listeniveau’</a:t>
            </a:r>
          </a:p>
        </p:txBody>
      </p:sp>
      <p:sp>
        <p:nvSpPr>
          <p:cNvPr id="5" name="Pladsholder til indhold 4"/>
          <p:cNvSpPr>
            <a:spLocks noGrp="1"/>
          </p:cNvSpPr>
          <p:nvPr>
            <p:ph sz="quarter" idx="13"/>
          </p:nvPr>
        </p:nvSpPr>
        <p:spPr>
          <a:xfrm>
            <a:off x="541338" y="2157412"/>
            <a:ext cx="11106150" cy="4162426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 dirty="0"/>
          </a:p>
        </p:txBody>
      </p:sp>
      <p:pic>
        <p:nvPicPr>
          <p:cNvPr id="13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6215199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Tekstboks 13"/>
          <p:cNvSpPr txBox="1"/>
          <p:nvPr userDrawn="1"/>
        </p:nvSpPr>
        <p:spPr>
          <a:xfrm>
            <a:off x="-1543050" y="5722241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4647909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41338" y="715963"/>
            <a:ext cx="7354887" cy="748770"/>
          </a:xfrm>
        </p:spPr>
        <p:txBody>
          <a:bodyPr anchor="b"/>
          <a:lstStyle>
            <a:lvl1pPr algn="l">
              <a:defRPr sz="3000"/>
            </a:lvl1pPr>
          </a:lstStyle>
          <a:p>
            <a:r>
              <a:rPr lang="da-DK" dirty="0"/>
              <a:t>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41338" y="1498600"/>
            <a:ext cx="7354887" cy="364067"/>
          </a:xfrm>
        </p:spPr>
        <p:txBody>
          <a:bodyPr/>
          <a:lstStyle>
            <a:lvl1pPr marL="0" indent="0" algn="l">
              <a:buNone/>
              <a:defRPr sz="1800" b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Underoverskrift</a:t>
            </a:r>
          </a:p>
        </p:txBody>
      </p:sp>
      <p:pic>
        <p:nvPicPr>
          <p:cNvPr id="8" name="Picture 3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7" y="1875895"/>
            <a:ext cx="7354887" cy="216000"/>
          </a:xfrm>
        </p:spPr>
        <p:txBody>
          <a:bodyPr/>
          <a:lstStyle>
            <a:lvl1pPr>
              <a:defRPr sz="1400" b="0">
                <a:solidFill>
                  <a:schemeClr val="accent5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dirty="0"/>
              <a:t>Oplægsholder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541338" y="2081046"/>
            <a:ext cx="7354887" cy="216000"/>
          </a:xfrm>
        </p:spPr>
        <p:txBody>
          <a:bodyPr/>
          <a:lstStyle>
            <a:lvl1pPr>
              <a:defRPr sz="1400" b="0">
                <a:solidFill>
                  <a:schemeClr val="accent5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dirty="0"/>
              <a:t>Sted og dato</a:t>
            </a:r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6" hasCustomPrompt="1"/>
          </p:nvPr>
        </p:nvSpPr>
        <p:spPr>
          <a:xfrm>
            <a:off x="323848" y="2636243"/>
            <a:ext cx="1800000" cy="1800000"/>
          </a:xfrm>
        </p:spPr>
        <p:txBody>
          <a:bodyPr tIns="828000" anchor="ctr" anchorCtr="0"/>
          <a:lstStyle>
            <a:lvl1pPr algn="ctr">
              <a:defRPr sz="1200"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15" name="Picture Placeholder 8"/>
          <p:cNvSpPr>
            <a:spLocks noGrp="1"/>
          </p:cNvSpPr>
          <p:nvPr>
            <p:ph type="pic" sz="quarter" idx="17" hasCustomPrompt="1"/>
          </p:nvPr>
        </p:nvSpPr>
        <p:spPr>
          <a:xfrm>
            <a:off x="2273299" y="2636243"/>
            <a:ext cx="1800225" cy="1671945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17" name="Picture Placeholder 8"/>
          <p:cNvSpPr>
            <a:spLocks noGrp="1"/>
          </p:cNvSpPr>
          <p:nvPr>
            <p:ph type="pic" sz="quarter" idx="18" hasCustomPrompt="1"/>
          </p:nvPr>
        </p:nvSpPr>
        <p:spPr>
          <a:xfrm>
            <a:off x="4219800" y="2636243"/>
            <a:ext cx="1800000" cy="2064910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18" name="Picture Placeholder 8"/>
          <p:cNvSpPr>
            <a:spLocks noGrp="1"/>
          </p:cNvSpPr>
          <p:nvPr>
            <p:ph type="pic" sz="quarter" idx="19" hasCustomPrompt="1"/>
          </p:nvPr>
        </p:nvSpPr>
        <p:spPr>
          <a:xfrm>
            <a:off x="8114400" y="2636242"/>
            <a:ext cx="1800000" cy="1874285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19" name="Picture Placeholder 8"/>
          <p:cNvSpPr>
            <a:spLocks noGrp="1"/>
          </p:cNvSpPr>
          <p:nvPr>
            <p:ph type="pic" sz="quarter" idx="20" hasCustomPrompt="1"/>
          </p:nvPr>
        </p:nvSpPr>
        <p:spPr>
          <a:xfrm>
            <a:off x="10064975" y="2636243"/>
            <a:ext cx="1800000" cy="1751340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0" name="Picture Placeholder 8"/>
          <p:cNvSpPr>
            <a:spLocks noGrp="1"/>
          </p:cNvSpPr>
          <p:nvPr>
            <p:ph type="pic" sz="quarter" idx="21" hasCustomPrompt="1"/>
          </p:nvPr>
        </p:nvSpPr>
        <p:spPr>
          <a:xfrm>
            <a:off x="323848" y="4581112"/>
            <a:ext cx="1800000" cy="1956213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1" name="Picture Placeholder 8"/>
          <p:cNvSpPr>
            <a:spLocks noGrp="1"/>
          </p:cNvSpPr>
          <p:nvPr>
            <p:ph type="pic" sz="quarter" idx="22" hasCustomPrompt="1"/>
          </p:nvPr>
        </p:nvSpPr>
        <p:spPr>
          <a:xfrm>
            <a:off x="2273300" y="4454646"/>
            <a:ext cx="1800000" cy="2082679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2" name="Picture Placeholder 8"/>
          <p:cNvSpPr>
            <a:spLocks noGrp="1"/>
          </p:cNvSpPr>
          <p:nvPr>
            <p:ph type="pic" sz="quarter" idx="23" hasCustomPrompt="1"/>
          </p:nvPr>
        </p:nvSpPr>
        <p:spPr>
          <a:xfrm>
            <a:off x="4219800" y="4884738"/>
            <a:ext cx="1800000" cy="1652588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3" name="Picture Placeholder 8"/>
          <p:cNvSpPr>
            <a:spLocks noGrp="1"/>
          </p:cNvSpPr>
          <p:nvPr>
            <p:ph type="pic" sz="quarter" idx="24" hasCustomPrompt="1"/>
          </p:nvPr>
        </p:nvSpPr>
        <p:spPr>
          <a:xfrm>
            <a:off x="8114400" y="4657836"/>
            <a:ext cx="1800000" cy="1879489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4" name="Picture Placeholder 8"/>
          <p:cNvSpPr>
            <a:spLocks noGrp="1"/>
          </p:cNvSpPr>
          <p:nvPr>
            <p:ph type="pic" sz="quarter" idx="25" hasCustomPrompt="1"/>
          </p:nvPr>
        </p:nvSpPr>
        <p:spPr>
          <a:xfrm>
            <a:off x="10064975" y="4531582"/>
            <a:ext cx="1800000" cy="2005741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5" name="Picture Placeholder 8"/>
          <p:cNvSpPr>
            <a:spLocks noGrp="1"/>
          </p:cNvSpPr>
          <p:nvPr>
            <p:ph type="pic" sz="quarter" idx="26" hasCustomPrompt="1"/>
          </p:nvPr>
        </p:nvSpPr>
        <p:spPr>
          <a:xfrm>
            <a:off x="6168000" y="4076053"/>
            <a:ext cx="1799663" cy="2461271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pic>
        <p:nvPicPr>
          <p:cNvPr id="3075" name="Picture 3" descr="U:\Vaekstfonden\Jobs\4217_Opgradering af PresentationEngine til version 3_0\Received\Work\væ sid1.emf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374" t="4494" r="41253" b="16584"/>
          <a:stretch/>
        </p:blipFill>
        <p:spPr bwMode="auto">
          <a:xfrm>
            <a:off x="6155812" y="2636242"/>
            <a:ext cx="1812188" cy="12785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Pladsholder til dato 3"/>
          <p:cNvSpPr>
            <a:spLocks noGrp="1"/>
          </p:cNvSpPr>
          <p:nvPr>
            <p:ph type="dt" sz="half" idx="27"/>
          </p:nvPr>
        </p:nvSpPr>
        <p:spPr>
          <a:xfrm>
            <a:off x="9915525" y="6659857"/>
            <a:ext cx="1233952" cy="1895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88AE1AD-F6F0-41FB-B62E-CE8B722E00EC}" type="datetime2">
              <a:rPr lang="da-DK" smtClean="0"/>
              <a:pPr/>
              <a:t>23. september 2021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28"/>
          </p:nvPr>
        </p:nvSpPr>
        <p:spPr>
          <a:xfrm>
            <a:off x="4289425" y="6659858"/>
            <a:ext cx="5481637" cy="1895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29"/>
          </p:nvPr>
        </p:nvSpPr>
        <p:spPr>
          <a:xfrm>
            <a:off x="11185200" y="6659857"/>
            <a:ext cx="643945" cy="1895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885038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speciel punktopsti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541338" y="2157412"/>
            <a:ext cx="11106149" cy="4162425"/>
          </a:xfrm>
        </p:spPr>
        <p:txBody>
          <a:bodyPr/>
          <a:lstStyle>
            <a:lvl2pPr marL="216000" indent="-216000">
              <a:buFont typeface="Verdana" pitchFamily="34" charset="0"/>
              <a:buChar char="…"/>
              <a:defRPr/>
            </a:lvl2pPr>
            <a:lvl3pPr marL="216000" indent="-216000">
              <a:buFont typeface="Verdana" pitchFamily="34" charset="0"/>
              <a:buChar char="…"/>
              <a:defRPr/>
            </a:lvl3pPr>
            <a:lvl4pPr marL="216000" indent="-216000">
              <a:buFont typeface="Verdana" pitchFamily="34" charset="0"/>
              <a:buChar char="…"/>
              <a:defRPr/>
            </a:lvl4pPr>
            <a:lvl5pPr marL="216000" indent="-216000">
              <a:buFont typeface="Verdana" pitchFamily="34" charset="0"/>
              <a:buChar char="…"/>
              <a:defRPr/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3" name="Date Placeholder 22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7BE26C0-E20C-4DD4-88BE-1A7AFCE1B048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24" name="Footer Placeholder 23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5" name="Slide Number Placeholder 24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pic>
        <p:nvPicPr>
          <p:cNvPr id="7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ekstboks 8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161216767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+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1337" y="2157412"/>
            <a:ext cx="7354887" cy="4162425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040688" y="2157411"/>
            <a:ext cx="3606800" cy="2727327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8040688" y="5027613"/>
            <a:ext cx="3606800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25" name="Date Placeholder 24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165FE90F-A7F6-4922-B08E-05AAABDC3F9B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26" name="Footer Placeholder 25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7" name="Slide Number Placeholder 2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ekstboks 12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217058133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+ billedtekst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1338" y="2157412"/>
            <a:ext cx="5478462" cy="4162425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67438" y="2157411"/>
            <a:ext cx="5480050" cy="2727327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6167438" y="5027613"/>
            <a:ext cx="5480049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25" name="Date Placeholder 24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16328801-28EA-4713-A3DA-E38D01376073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26" name="Footer Placeholder 25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7" name="Slide Number Placeholder 2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0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ekstboks 10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110610332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+ to billedtek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1338" y="2157413"/>
            <a:ext cx="5478462" cy="2727326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67438" y="2157411"/>
            <a:ext cx="5480050" cy="2727327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6167438" y="5027613"/>
            <a:ext cx="5480050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541338" y="5026026"/>
            <a:ext cx="5478462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26" name="Date Placeholder 25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C066F5D-F99E-4304-9CCE-0B83EEA55F38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27" name="Footer Placeholder 2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8" name="Slide Number Placeholder 2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407930667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 graf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/>
          </p:nvPr>
        </p:nvSpPr>
        <p:spPr>
          <a:xfrm>
            <a:off x="539750" y="2157412"/>
            <a:ext cx="3606800" cy="2727325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5" name="Text Placeholder 8"/>
          <p:cNvSpPr>
            <a:spLocks noGrp="1"/>
          </p:cNvSpPr>
          <p:nvPr>
            <p:ph type="body" sz="quarter" idx="21"/>
          </p:nvPr>
        </p:nvSpPr>
        <p:spPr>
          <a:xfrm>
            <a:off x="541338" y="5027613"/>
            <a:ext cx="3605212" cy="129133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4"/>
          </p:nvPr>
        </p:nvSpPr>
        <p:spPr>
          <a:xfrm>
            <a:off x="4291013" y="2157412"/>
            <a:ext cx="3605212" cy="2727325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22"/>
          </p:nvPr>
        </p:nvSpPr>
        <p:spPr>
          <a:xfrm>
            <a:off x="4289425" y="5027614"/>
            <a:ext cx="3605212" cy="129133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9" name="Content Placeholder 6"/>
          <p:cNvSpPr>
            <a:spLocks noGrp="1"/>
          </p:cNvSpPr>
          <p:nvPr>
            <p:ph sz="quarter" idx="15"/>
          </p:nvPr>
        </p:nvSpPr>
        <p:spPr>
          <a:xfrm>
            <a:off x="8040688" y="2157412"/>
            <a:ext cx="3606800" cy="2727326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6"/>
          </p:nvPr>
        </p:nvSpPr>
        <p:spPr>
          <a:xfrm>
            <a:off x="8040688" y="5027614"/>
            <a:ext cx="3606799" cy="1291333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fld id="{DBB78D79-9D8C-4C8A-B46A-5283A2286C79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17" name="Footer Placeholder 16"/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8" name="Slide Number Placeholder 17"/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ekstboks 12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10649861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+ højrestillet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41339" y="693738"/>
            <a:ext cx="5478461" cy="940329"/>
          </a:xfrm>
        </p:spPr>
        <p:txBody>
          <a:bodyPr/>
          <a:lstStyle/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4" hasCustomPrompt="1"/>
          </p:nvPr>
        </p:nvSpPr>
        <p:spPr>
          <a:xfrm>
            <a:off x="6704014" y="0"/>
            <a:ext cx="5487985" cy="6858000"/>
          </a:xfrm>
        </p:spPr>
        <p:txBody>
          <a:bodyPr tIns="936000" anchor="ctr" anchorCtr="0"/>
          <a:lstStyle>
            <a:lvl1pPr algn="ctr">
              <a:defRPr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</a:t>
            </a:r>
            <a:br>
              <a:rPr lang="en-US" noProof="1"/>
            </a:br>
            <a:r>
              <a:rPr lang="en-US" noProof="1"/>
              <a:t> Templafy - Images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7"/>
          </p:nvPr>
        </p:nvSpPr>
        <p:spPr>
          <a:xfrm>
            <a:off x="541338" y="2157413"/>
            <a:ext cx="5478462" cy="4162424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Tekstboks 15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288AE1AD-F6F0-41FB-B62E-CE8B722E00EC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9" name="Billede 18"/>
          <p:cNvPicPr>
            <a:picLocks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53533" y="404664"/>
            <a:ext cx="1728000" cy="7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887350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323849" y="1936750"/>
            <a:ext cx="11541125" cy="4600576"/>
          </a:xfrm>
        </p:spPr>
        <p:txBody>
          <a:bodyPr tIns="576000" anchor="ctr" anchorCtr="0"/>
          <a:lstStyle>
            <a:lvl1pPr algn="ctr">
              <a:defRPr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ImageShopper</a:t>
            </a:r>
          </a:p>
        </p:txBody>
      </p:sp>
      <p:pic>
        <p:nvPicPr>
          <p:cNvPr id="8" name="Picture 3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Pladsholder til dato 2"/>
          <p:cNvSpPr>
            <a:spLocks noGrp="1"/>
          </p:cNvSpPr>
          <p:nvPr>
            <p:ph type="dt" sz="half" idx="14"/>
          </p:nvPr>
        </p:nvSpPr>
        <p:spPr>
          <a:xfrm>
            <a:off x="9915525" y="6537326"/>
            <a:ext cx="1233952" cy="31205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88AE1AD-F6F0-41FB-B62E-CE8B722E00EC}" type="datetime2">
              <a:rPr lang="da-DK" smtClean="0"/>
              <a:pPr/>
              <a:t>23. september 2021</a:t>
            </a:fld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5"/>
          </p:nvPr>
        </p:nvSpPr>
        <p:spPr>
          <a:xfrm>
            <a:off x="4289425" y="6537326"/>
            <a:ext cx="5481637" cy="31205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6"/>
          </p:nvPr>
        </p:nvSpPr>
        <p:spPr>
          <a:xfrm>
            <a:off x="11185200" y="6537326"/>
            <a:ext cx="680772" cy="31205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9" name="Lige forbindelse 8"/>
          <p:cNvCxnSpPr/>
          <p:nvPr userDrawn="1"/>
        </p:nvCxnSpPr>
        <p:spPr>
          <a:xfrm>
            <a:off x="541338" y="1634067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764491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41338" y="715963"/>
            <a:ext cx="7354887" cy="748770"/>
          </a:xfrm>
        </p:spPr>
        <p:txBody>
          <a:bodyPr anchor="b"/>
          <a:lstStyle>
            <a:lvl1pPr algn="l">
              <a:defRPr sz="3000"/>
            </a:lvl1pPr>
          </a:lstStyle>
          <a:p>
            <a:r>
              <a:rPr lang="da-DK"/>
              <a:t>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41338" y="1498600"/>
            <a:ext cx="7354887" cy="364067"/>
          </a:xfrm>
        </p:spPr>
        <p:txBody>
          <a:bodyPr/>
          <a:lstStyle>
            <a:lvl1pPr marL="0" indent="0" algn="l">
              <a:buNone/>
              <a:defRPr sz="1800" b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Underoverskrift</a:t>
            </a:r>
          </a:p>
        </p:txBody>
      </p:sp>
      <p:pic>
        <p:nvPicPr>
          <p:cNvPr id="8" name="Picture 3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7" y="1875895"/>
            <a:ext cx="7354887" cy="216000"/>
          </a:xfrm>
        </p:spPr>
        <p:txBody>
          <a:bodyPr/>
          <a:lstStyle>
            <a:lvl1pPr>
              <a:defRPr sz="1400" b="0">
                <a:solidFill>
                  <a:schemeClr val="accent5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Oplægsholder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541338" y="2081046"/>
            <a:ext cx="7354887" cy="216000"/>
          </a:xfrm>
        </p:spPr>
        <p:txBody>
          <a:bodyPr/>
          <a:lstStyle>
            <a:lvl1pPr>
              <a:defRPr sz="1400" b="0">
                <a:solidFill>
                  <a:schemeClr val="accent5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Sted og dato</a:t>
            </a:r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6" hasCustomPrompt="1"/>
          </p:nvPr>
        </p:nvSpPr>
        <p:spPr>
          <a:xfrm>
            <a:off x="323848" y="2636243"/>
            <a:ext cx="1800000" cy="1800000"/>
          </a:xfrm>
        </p:spPr>
        <p:txBody>
          <a:bodyPr tIns="828000" anchor="ctr" anchorCtr="0"/>
          <a:lstStyle>
            <a:lvl1pPr algn="ctr">
              <a:defRPr sz="1200"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15" name="Picture Placeholder 8"/>
          <p:cNvSpPr>
            <a:spLocks noGrp="1"/>
          </p:cNvSpPr>
          <p:nvPr>
            <p:ph type="pic" sz="quarter" idx="17" hasCustomPrompt="1"/>
          </p:nvPr>
        </p:nvSpPr>
        <p:spPr>
          <a:xfrm>
            <a:off x="2273299" y="2636243"/>
            <a:ext cx="1800225" cy="1671945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17" name="Picture Placeholder 8"/>
          <p:cNvSpPr>
            <a:spLocks noGrp="1"/>
          </p:cNvSpPr>
          <p:nvPr>
            <p:ph type="pic" sz="quarter" idx="18" hasCustomPrompt="1"/>
          </p:nvPr>
        </p:nvSpPr>
        <p:spPr>
          <a:xfrm>
            <a:off x="4219800" y="2636243"/>
            <a:ext cx="1800000" cy="2064910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18" name="Picture Placeholder 8"/>
          <p:cNvSpPr>
            <a:spLocks noGrp="1"/>
          </p:cNvSpPr>
          <p:nvPr>
            <p:ph type="pic" sz="quarter" idx="19" hasCustomPrompt="1"/>
          </p:nvPr>
        </p:nvSpPr>
        <p:spPr>
          <a:xfrm>
            <a:off x="8114400" y="2636242"/>
            <a:ext cx="1800000" cy="1874285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19" name="Picture Placeholder 8"/>
          <p:cNvSpPr>
            <a:spLocks noGrp="1"/>
          </p:cNvSpPr>
          <p:nvPr>
            <p:ph type="pic" sz="quarter" idx="20" hasCustomPrompt="1"/>
          </p:nvPr>
        </p:nvSpPr>
        <p:spPr>
          <a:xfrm>
            <a:off x="10064975" y="2636243"/>
            <a:ext cx="1800000" cy="1751340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0" name="Picture Placeholder 8"/>
          <p:cNvSpPr>
            <a:spLocks noGrp="1"/>
          </p:cNvSpPr>
          <p:nvPr>
            <p:ph type="pic" sz="quarter" idx="21" hasCustomPrompt="1"/>
          </p:nvPr>
        </p:nvSpPr>
        <p:spPr>
          <a:xfrm>
            <a:off x="323848" y="4581112"/>
            <a:ext cx="1800000" cy="1956213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1" name="Picture Placeholder 8"/>
          <p:cNvSpPr>
            <a:spLocks noGrp="1"/>
          </p:cNvSpPr>
          <p:nvPr>
            <p:ph type="pic" sz="quarter" idx="22" hasCustomPrompt="1"/>
          </p:nvPr>
        </p:nvSpPr>
        <p:spPr>
          <a:xfrm>
            <a:off x="2273300" y="4454646"/>
            <a:ext cx="1800000" cy="2082679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2" name="Picture Placeholder 8"/>
          <p:cNvSpPr>
            <a:spLocks noGrp="1"/>
          </p:cNvSpPr>
          <p:nvPr>
            <p:ph type="pic" sz="quarter" idx="23" hasCustomPrompt="1"/>
          </p:nvPr>
        </p:nvSpPr>
        <p:spPr>
          <a:xfrm>
            <a:off x="4219800" y="4884738"/>
            <a:ext cx="1800000" cy="1652588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3" name="Picture Placeholder 8"/>
          <p:cNvSpPr>
            <a:spLocks noGrp="1"/>
          </p:cNvSpPr>
          <p:nvPr>
            <p:ph type="pic" sz="quarter" idx="24" hasCustomPrompt="1"/>
          </p:nvPr>
        </p:nvSpPr>
        <p:spPr>
          <a:xfrm>
            <a:off x="8114400" y="4657836"/>
            <a:ext cx="1800000" cy="1879489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4" name="Picture Placeholder 8"/>
          <p:cNvSpPr>
            <a:spLocks noGrp="1"/>
          </p:cNvSpPr>
          <p:nvPr>
            <p:ph type="pic" sz="quarter" idx="25" hasCustomPrompt="1"/>
          </p:nvPr>
        </p:nvSpPr>
        <p:spPr>
          <a:xfrm>
            <a:off x="10064975" y="4531582"/>
            <a:ext cx="1800000" cy="2005741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sp>
        <p:nvSpPr>
          <p:cNvPr id="25" name="Picture Placeholder 8"/>
          <p:cNvSpPr>
            <a:spLocks noGrp="1"/>
          </p:cNvSpPr>
          <p:nvPr>
            <p:ph type="pic" sz="quarter" idx="26" hasCustomPrompt="1"/>
          </p:nvPr>
        </p:nvSpPr>
        <p:spPr>
          <a:xfrm>
            <a:off x="6168000" y="4076053"/>
            <a:ext cx="1799663" cy="2461271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Templafy - Images</a:t>
            </a:r>
          </a:p>
        </p:txBody>
      </p:sp>
      <p:pic>
        <p:nvPicPr>
          <p:cNvPr id="3075" name="Picture 3" descr="U:\Vaekstfonden\Jobs\4217_Opgradering af PresentationEngine til version 3_0\Received\Work\væ sid1.emf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374" t="4494" r="41253" b="16584"/>
          <a:stretch/>
        </p:blipFill>
        <p:spPr bwMode="auto">
          <a:xfrm>
            <a:off x="6155812" y="2636242"/>
            <a:ext cx="1812188" cy="12785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Pladsholder til dato 3"/>
          <p:cNvSpPr>
            <a:spLocks noGrp="1"/>
          </p:cNvSpPr>
          <p:nvPr>
            <p:ph type="dt" sz="half" idx="27"/>
          </p:nvPr>
        </p:nvSpPr>
        <p:spPr>
          <a:xfrm>
            <a:off x="9915525" y="6659857"/>
            <a:ext cx="1233952" cy="1895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88AE1AD-F6F0-41FB-B62E-CE8B722E00EC}" type="datetime2">
              <a:rPr lang="da-DK" smtClean="0"/>
              <a:pPr/>
              <a:t>23. september 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28"/>
          </p:nvPr>
        </p:nvSpPr>
        <p:spPr>
          <a:xfrm>
            <a:off x="4289425" y="6659858"/>
            <a:ext cx="5481637" cy="1895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29"/>
          </p:nvPr>
        </p:nvSpPr>
        <p:spPr>
          <a:xfrm>
            <a:off x="11185200" y="6659857"/>
            <a:ext cx="643945" cy="1895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7428746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89600" cy="6858000"/>
          </a:xfrm>
        </p:spPr>
        <p:txBody>
          <a:bodyPr tIns="576000" anchor="ctr" anchorCtr="0"/>
          <a:lstStyle>
            <a:lvl1pPr algn="ctr">
              <a:defRPr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ImageShopper</a:t>
            </a:r>
          </a:p>
        </p:txBody>
      </p:sp>
      <p:sp>
        <p:nvSpPr>
          <p:cNvPr id="2" name="Pladsholder til dato 1"/>
          <p:cNvSpPr>
            <a:spLocks noGrp="1"/>
          </p:cNvSpPr>
          <p:nvPr>
            <p:ph type="dt" sz="half" idx="14"/>
          </p:nvPr>
        </p:nvSpPr>
        <p:spPr>
          <a:xfrm>
            <a:off x="9915525" y="6535737"/>
            <a:ext cx="1233952" cy="32226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88AE1AD-F6F0-41FB-B62E-CE8B722E00EC}" type="datetime2">
              <a:rPr lang="da-DK" smtClean="0"/>
              <a:pPr/>
              <a:t>23. september 2021</a:t>
            </a:fld>
            <a:endParaRPr lang="da-DK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5"/>
          </p:nvPr>
        </p:nvSpPr>
        <p:spPr>
          <a:xfrm>
            <a:off x="4289425" y="6535738"/>
            <a:ext cx="5481637" cy="32226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6"/>
          </p:nvPr>
        </p:nvSpPr>
        <p:spPr>
          <a:xfrm>
            <a:off x="11185200" y="6535737"/>
            <a:ext cx="679775" cy="32226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7" name="Billede 6"/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53533" y="404664"/>
            <a:ext cx="1728000" cy="7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99279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poin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8" y="2008188"/>
            <a:ext cx="1731962" cy="1441449"/>
          </a:xfrm>
        </p:spPr>
        <p:txBody>
          <a:bodyPr/>
          <a:lstStyle>
            <a:lvl1pPr>
              <a:lnSpc>
                <a:spcPct val="89000"/>
              </a:lnSpc>
              <a:defRPr sz="105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#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541338" y="3594100"/>
            <a:ext cx="3605212" cy="1203052"/>
          </a:xfrm>
        </p:spPr>
        <p:txBody>
          <a:bodyPr/>
          <a:lstStyle>
            <a:lvl1pPr>
              <a:lnSpc>
                <a:spcPct val="83000"/>
              </a:lnSpc>
              <a:defRPr sz="3100" b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3" name="Text Placeholder 6"/>
          <p:cNvSpPr>
            <a:spLocks noGrp="1"/>
          </p:cNvSpPr>
          <p:nvPr>
            <p:ph type="body" sz="quarter" idx="15" hasCustomPrompt="1"/>
          </p:nvPr>
        </p:nvSpPr>
        <p:spPr>
          <a:xfrm>
            <a:off x="4287838" y="2008189"/>
            <a:ext cx="1731962" cy="1441449"/>
          </a:xfrm>
        </p:spPr>
        <p:txBody>
          <a:bodyPr/>
          <a:lstStyle>
            <a:lvl1pPr>
              <a:lnSpc>
                <a:spcPct val="89000"/>
              </a:lnSpc>
              <a:defRPr sz="105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#</a:t>
            </a:r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16"/>
          </p:nvPr>
        </p:nvSpPr>
        <p:spPr>
          <a:xfrm>
            <a:off x="4287838" y="3594101"/>
            <a:ext cx="3605212" cy="1203051"/>
          </a:xfrm>
        </p:spPr>
        <p:txBody>
          <a:bodyPr/>
          <a:lstStyle>
            <a:lvl1pPr>
              <a:lnSpc>
                <a:spcPct val="83000"/>
              </a:lnSpc>
              <a:defRPr sz="3100" b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5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045450" y="2008189"/>
            <a:ext cx="1731962" cy="1441449"/>
          </a:xfrm>
        </p:spPr>
        <p:txBody>
          <a:bodyPr/>
          <a:lstStyle>
            <a:lvl1pPr>
              <a:lnSpc>
                <a:spcPct val="89000"/>
              </a:lnSpc>
              <a:defRPr sz="105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#</a:t>
            </a:r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8045450" y="3594101"/>
            <a:ext cx="3605212" cy="1203051"/>
          </a:xfrm>
        </p:spPr>
        <p:txBody>
          <a:bodyPr/>
          <a:lstStyle>
            <a:lvl1pPr>
              <a:lnSpc>
                <a:spcPct val="83000"/>
              </a:lnSpc>
              <a:defRPr sz="3100" b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-2762370" y="1"/>
            <a:ext cx="2646254" cy="1488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Date Placeholder 5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3DBBCB70-A1C6-4A06-AFC9-AD51E3F7EC20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22"/>
          </p:nvPr>
        </p:nvSpPr>
        <p:spPr>
          <a:xfrm>
            <a:off x="541338" y="4797425"/>
            <a:ext cx="3605212" cy="1152525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23"/>
          </p:nvPr>
        </p:nvSpPr>
        <p:spPr>
          <a:xfrm>
            <a:off x="4287838" y="4793952"/>
            <a:ext cx="3605212" cy="1152525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8" name="Pladsholder til tekst 3"/>
          <p:cNvSpPr>
            <a:spLocks noGrp="1"/>
          </p:cNvSpPr>
          <p:nvPr>
            <p:ph type="body" sz="quarter" idx="24"/>
          </p:nvPr>
        </p:nvSpPr>
        <p:spPr>
          <a:xfrm>
            <a:off x="8045450" y="4793951"/>
            <a:ext cx="3605212" cy="1152525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3970858407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 og speciel punktopsti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541337" y="2038332"/>
            <a:ext cx="7354887" cy="4311650"/>
          </a:xfrm>
        </p:spPr>
        <p:txBody>
          <a:bodyPr/>
          <a:lstStyle>
            <a:lvl1pPr>
              <a:lnSpc>
                <a:spcPct val="94000"/>
              </a:lnSpc>
              <a:defRPr sz="48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pic>
        <p:nvPicPr>
          <p:cNvPr id="6146" name="Picture 2" descr="U:\Vaekstfonden\Jobs\4217_Opgradering af PresentationEngine til version 3_0\Received\LO\POWERPOINT_16-9_KOMPLET_NEW_Page_09.jpg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762377" y="1"/>
            <a:ext cx="2646268" cy="1488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8040688" y="2157412"/>
            <a:ext cx="3606799" cy="4162425"/>
          </a:xfrm>
        </p:spPr>
        <p:txBody>
          <a:bodyPr/>
          <a:lstStyle>
            <a:lvl2pPr marL="216000" indent="-216000">
              <a:buFont typeface="Verdana" pitchFamily="34" charset="0"/>
              <a:buChar char="…"/>
              <a:defRPr/>
            </a:lvl2pPr>
            <a:lvl3pPr marL="216000" indent="-216000">
              <a:buFont typeface="Verdana" pitchFamily="34" charset="0"/>
              <a:buChar char="…"/>
              <a:defRPr/>
            </a:lvl3pPr>
            <a:lvl4pPr marL="216000" indent="-216000">
              <a:buFont typeface="Verdana" pitchFamily="34" charset="0"/>
              <a:buChar char="…"/>
              <a:defRPr/>
            </a:lvl4pPr>
            <a:lvl5pPr marL="216000" indent="-216000">
              <a:buFont typeface="Verdana" pitchFamily="34" charset="0"/>
              <a:buChar char="…"/>
              <a:defRPr/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F84932E-2382-438F-929B-A4841C4E3911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382968512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199457" y="1700808"/>
            <a:ext cx="7354887" cy="1649860"/>
          </a:xfrm>
        </p:spPr>
        <p:txBody>
          <a:bodyPr anchor="b"/>
          <a:lstStyle>
            <a:lvl1pPr algn="l">
              <a:defRPr sz="4800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Titel på emne – gerne </a:t>
            </a:r>
            <a:br>
              <a:rPr lang="da-DK" dirty="0"/>
            </a:br>
            <a:r>
              <a:rPr lang="da-DK" dirty="0"/>
              <a:t>i to lag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199696" y="4145053"/>
            <a:ext cx="7354887" cy="364067"/>
          </a:xfrm>
        </p:spPr>
        <p:txBody>
          <a:bodyPr/>
          <a:lstStyle>
            <a:lvl1pPr marL="0" indent="0" algn="l">
              <a:buNone/>
              <a:defRPr sz="18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Underoverskrift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720D7DBD-8B8E-4B4F-8428-F4782B6AB807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9" name="Lige forbindelse 8"/>
          <p:cNvCxnSpPr/>
          <p:nvPr userDrawn="1"/>
        </p:nvCxnSpPr>
        <p:spPr>
          <a:xfrm>
            <a:off x="1199696" y="4437112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Lige forbindelse 7"/>
          <p:cNvCxnSpPr/>
          <p:nvPr userDrawn="1"/>
        </p:nvCxnSpPr>
        <p:spPr>
          <a:xfrm>
            <a:off x="1199696" y="3645024"/>
            <a:ext cx="2160000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14842173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grøn sk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7" y="693738"/>
            <a:ext cx="7354887" cy="5656244"/>
          </a:xfrm>
        </p:spPr>
        <p:txBody>
          <a:bodyPr/>
          <a:lstStyle>
            <a:lvl1pPr>
              <a:lnSpc>
                <a:spcPct val="94000"/>
              </a:lnSpc>
              <a:defRPr sz="4800" b="0" i="1" baseline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”Indsæt tekst her Indsæt tekst her Indsæt tekst her Indsæt tekst her Indsæt tekst her Indsæt tekst her Indsæt tekst her”</a:t>
            </a:r>
          </a:p>
        </p:txBody>
      </p:sp>
      <p:pic>
        <p:nvPicPr>
          <p:cNvPr id="11" name="Picture 3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" name="Picture 2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-2762370" y="1"/>
            <a:ext cx="2646254" cy="1488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7" name="AutoShape 4"/>
          <p:cNvSpPr>
            <a:spLocks/>
          </p:cNvSpPr>
          <p:nvPr userDrawn="1"/>
        </p:nvSpPr>
        <p:spPr bwMode="gray">
          <a:xfrm>
            <a:off x="-2022475" y="2134942"/>
            <a:ext cx="1871663" cy="16927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da-DK" sz="1000" b="1" dirty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Tekst starter uden punktopstilling</a:t>
            </a:r>
          </a:p>
          <a:p>
            <a:pPr algn="r" defTabSz="457200">
              <a:tabLst>
                <a:tab pos="177800" algn="l"/>
              </a:tabLst>
            </a:pPr>
            <a:r>
              <a:rPr lang="da-DK" sz="1000" dirty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For at få punktopstilling </a:t>
            </a:r>
            <a:br>
              <a:rPr lang="da-DK" sz="1000" dirty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</a:br>
            <a:r>
              <a:rPr lang="da-DK" sz="1000" dirty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på teksten (flere niveauer findes) klik på ‘Forøg listeniveau’ 2 gange</a:t>
            </a:r>
          </a:p>
          <a:p>
            <a:pPr algn="r" defTabSz="457200">
              <a:tabLst>
                <a:tab pos="177800" algn="l"/>
              </a:tabLst>
            </a:pPr>
            <a:br>
              <a:rPr lang="da-DK" sz="1000" dirty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</a:br>
            <a:r>
              <a:rPr lang="da-DK" sz="1000" dirty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For at få venstrestillet tekst </a:t>
            </a:r>
            <a:br>
              <a:rPr lang="da-DK" sz="1000" dirty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</a:br>
            <a:r>
              <a:rPr lang="da-DK" sz="1000" dirty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uden punktopstilling, brug ‘Formindsk listeniveau’</a:t>
            </a:r>
          </a:p>
          <a:p>
            <a:pPr algn="r" defTabSz="457200">
              <a:tabLst>
                <a:tab pos="177800" algn="l"/>
              </a:tabLst>
            </a:pPr>
            <a:endParaRPr lang="da-DK" sz="1000" dirty="0">
              <a:solidFill>
                <a:schemeClr val="tx1">
                  <a:lumMod val="75000"/>
                  <a:lumOff val="25000"/>
                </a:schemeClr>
              </a:solidFill>
              <a:cs typeface="Arial" charset="0"/>
            </a:endParaRPr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4375820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" name="Tekstboks 14"/>
          <p:cNvSpPr txBox="1"/>
          <p:nvPr userDrawn="1"/>
        </p:nvSpPr>
        <p:spPr>
          <a:xfrm>
            <a:off x="-1543050" y="3882862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317790451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8C57E9-AB1A-4B22-A2A6-8219F5B282D0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49690219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3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EB1A61-6241-473F-A27B-C9EAA8A1C5B5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5070486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sitko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/>
              <a:t>Klik for at redigere i master</a:t>
            </a:r>
            <a:endParaRPr lang="da-DK" noProof="0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541338" y="2147888"/>
            <a:ext cx="3605212" cy="2736850"/>
          </a:xfrm>
        </p:spPr>
        <p:txBody>
          <a:bodyPr tIns="864000" anchor="ctr" anchorCtr="0"/>
          <a:lstStyle>
            <a:lvl1pPr algn="ctr">
              <a:defRPr sz="1600"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sort/hvid foto fra ImageShopper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4289424" y="2157412"/>
            <a:ext cx="7358063" cy="4162426"/>
          </a:xfrm>
        </p:spPr>
        <p:txBody>
          <a:bodyPr/>
          <a:lstStyle>
            <a:lvl1pPr>
              <a:defRPr sz="24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Navn Navnesen</a:t>
            </a:r>
          </a:p>
          <a:p>
            <a:pPr lvl="0"/>
            <a:r>
              <a:rPr lang="da-DK" dirty="0"/>
              <a:t>Titel</a:t>
            </a:r>
          </a:p>
          <a:p>
            <a:pPr lvl="0"/>
            <a:r>
              <a:rPr lang="da-DK" dirty="0"/>
              <a:t>+45 12 34 56 78</a:t>
            </a:r>
          </a:p>
          <a:p>
            <a:pPr lvl="0"/>
            <a:r>
              <a:rPr lang="da-DK" dirty="0"/>
              <a:t>Navn@vf.dk</a:t>
            </a:r>
          </a:p>
          <a:p>
            <a:pPr lvl="0"/>
            <a:endParaRPr lang="da-DK" dirty="0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86F0A254-735F-4B35-8A6A-9504ABDB0C56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1241747460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sitko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/>
              <a:t>Klik for at redigere i master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541338" y="2147888"/>
            <a:ext cx="3605212" cy="2736850"/>
          </a:xfrm>
        </p:spPr>
        <p:txBody>
          <a:bodyPr tIns="864000" anchor="ctr" anchorCtr="0"/>
          <a:lstStyle>
            <a:lvl1pPr algn="ctr">
              <a:defRPr sz="1600"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sort/hvid foto fra ImageShopper</a:t>
            </a: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/>
              <a:t>Ønsker du </a:t>
            </a:r>
            <a:r>
              <a:rPr lang="da-DK" sz="1000" b="1" dirty="0">
                <a:solidFill>
                  <a:schemeClr val="tx1"/>
                </a:solidFill>
              </a:rPr>
              <a:t>Overskrift-stil</a:t>
            </a:r>
            <a:r>
              <a:rPr lang="da-DK" sz="1000" dirty="0"/>
              <a:t> vælg </a:t>
            </a:r>
            <a:r>
              <a:rPr lang="da-DK" sz="1000" b="1" dirty="0"/>
              <a:t>Fed skrift </a:t>
            </a:r>
            <a:r>
              <a:rPr lang="da-DK" sz="1000" dirty="0"/>
              <a:t>og grøn skriftfarve</a:t>
            </a:r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8" hasCustomPrompt="1"/>
          </p:nvPr>
        </p:nvSpPr>
        <p:spPr>
          <a:xfrm>
            <a:off x="4440238" y="2781300"/>
            <a:ext cx="4896122" cy="431800"/>
          </a:xfrm>
        </p:spPr>
        <p:txBody>
          <a:bodyPr/>
          <a:lstStyle>
            <a:lvl1pPr>
              <a:defRPr sz="2400"/>
            </a:lvl1pPr>
          </a:lstStyle>
          <a:p>
            <a:pPr lvl="0"/>
            <a:r>
              <a:rPr lang="da-DK" dirty="0"/>
              <a:t>Navn</a:t>
            </a:r>
          </a:p>
        </p:txBody>
      </p:sp>
      <p:sp>
        <p:nvSpPr>
          <p:cNvPr id="17" name="Pladsholder til tekst 15"/>
          <p:cNvSpPr>
            <a:spLocks noGrp="1"/>
          </p:cNvSpPr>
          <p:nvPr>
            <p:ph type="body" sz="quarter" idx="19" hasCustomPrompt="1"/>
          </p:nvPr>
        </p:nvSpPr>
        <p:spPr>
          <a:xfrm>
            <a:off x="4440238" y="3213100"/>
            <a:ext cx="4896122" cy="431800"/>
          </a:xfrm>
        </p:spPr>
        <p:txBody>
          <a:bodyPr/>
          <a:lstStyle>
            <a:lvl1pPr>
              <a:defRPr sz="2400"/>
            </a:lvl1pPr>
          </a:lstStyle>
          <a:p>
            <a:pPr lvl="0"/>
            <a:r>
              <a:rPr lang="da-DK" dirty="0"/>
              <a:t>Titel</a:t>
            </a:r>
          </a:p>
        </p:txBody>
      </p:sp>
      <p:sp>
        <p:nvSpPr>
          <p:cNvPr id="18" name="Pladsholder til tekst 15"/>
          <p:cNvSpPr>
            <a:spLocks noGrp="1"/>
          </p:cNvSpPr>
          <p:nvPr>
            <p:ph type="body" sz="quarter" idx="20" hasCustomPrompt="1"/>
          </p:nvPr>
        </p:nvSpPr>
        <p:spPr>
          <a:xfrm>
            <a:off x="4440238" y="3817858"/>
            <a:ext cx="4896122" cy="25884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tlf. nummer</a:t>
            </a:r>
          </a:p>
        </p:txBody>
      </p:sp>
      <p:sp>
        <p:nvSpPr>
          <p:cNvPr id="19" name="Pladsholder til tekst 15"/>
          <p:cNvSpPr>
            <a:spLocks noGrp="1"/>
          </p:cNvSpPr>
          <p:nvPr>
            <p:ph type="body" sz="quarter" idx="21" hasCustomPrompt="1"/>
          </p:nvPr>
        </p:nvSpPr>
        <p:spPr>
          <a:xfrm>
            <a:off x="4439816" y="4171236"/>
            <a:ext cx="4896544" cy="26587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 err="1"/>
              <a:t>Email</a:t>
            </a:r>
            <a:endParaRPr lang="da-DK" dirty="0"/>
          </a:p>
        </p:txBody>
      </p:sp>
      <p:sp>
        <p:nvSpPr>
          <p:cNvPr id="22" name="Pladsholder til indhold 21"/>
          <p:cNvSpPr>
            <a:spLocks noGrp="1"/>
          </p:cNvSpPr>
          <p:nvPr>
            <p:ph sz="quarter" idx="22" hasCustomPrompt="1"/>
          </p:nvPr>
        </p:nvSpPr>
        <p:spPr>
          <a:xfrm>
            <a:off x="4440238" y="4581525"/>
            <a:ext cx="2160587" cy="303213"/>
          </a:xfrm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www.vf.dk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23" hasCustomPrompt="1"/>
          </p:nvPr>
        </p:nvSpPr>
        <p:spPr>
          <a:xfrm>
            <a:off x="4440238" y="2147888"/>
            <a:ext cx="4176712" cy="431800"/>
          </a:xfrm>
        </p:spPr>
        <p:txBody>
          <a:bodyPr/>
          <a:lstStyle>
            <a:lvl1pPr>
              <a:defRPr sz="2400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Yderligere information</a:t>
            </a:r>
          </a:p>
        </p:txBody>
      </p:sp>
    </p:spTree>
    <p:extLst>
      <p:ext uri="{BB962C8B-B14F-4D97-AF65-F5344CB8AC3E}">
        <p14:creationId xmlns:p14="http://schemas.microsoft.com/office/powerpoint/2010/main" val="2073649841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41338" y="693738"/>
            <a:ext cx="7354887" cy="770995"/>
          </a:xfrm>
        </p:spPr>
        <p:txBody>
          <a:bodyPr anchor="b"/>
          <a:lstStyle>
            <a:lvl1pPr algn="l">
              <a:defRPr sz="3000"/>
            </a:lvl1pPr>
          </a:lstStyle>
          <a:p>
            <a:r>
              <a:rPr lang="da-DK" dirty="0"/>
              <a:t>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41338" y="1498600"/>
            <a:ext cx="7354887" cy="364067"/>
          </a:xfrm>
        </p:spPr>
        <p:txBody>
          <a:bodyPr/>
          <a:lstStyle>
            <a:lvl1pPr marL="0" indent="0" algn="l">
              <a:buNone/>
              <a:defRPr sz="1800" b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Underoverskrift</a:t>
            </a:r>
          </a:p>
        </p:txBody>
      </p:sp>
      <p:pic>
        <p:nvPicPr>
          <p:cNvPr id="8" name="Picture 3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7" y="1875895"/>
            <a:ext cx="7354887" cy="216000"/>
          </a:xfrm>
        </p:spPr>
        <p:txBody>
          <a:bodyPr/>
          <a:lstStyle>
            <a:lvl1pPr>
              <a:defRPr sz="1400" b="0">
                <a:solidFill>
                  <a:schemeClr val="accent5"/>
                </a:solidFill>
                <a:latin typeface="VF Museo Rounded For Office" pitchFamily="2" charset="0"/>
                <a:ea typeface="Verdana" pitchFamily="34" charset="0"/>
                <a:cs typeface="Verdana" pitchFamily="34" charset="0"/>
              </a:defRPr>
            </a:lvl1pPr>
          </a:lstStyle>
          <a:p>
            <a:pPr lvl="0"/>
            <a:r>
              <a:rPr lang="da-DK" dirty="0"/>
              <a:t>Oplægsholder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541338" y="2081046"/>
            <a:ext cx="7354887" cy="216000"/>
          </a:xfrm>
        </p:spPr>
        <p:txBody>
          <a:bodyPr/>
          <a:lstStyle>
            <a:lvl1pPr>
              <a:defRPr sz="1400" b="0">
                <a:solidFill>
                  <a:schemeClr val="accent5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dirty="0"/>
              <a:t>Sted og dato</a:t>
            </a:r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5" hasCustomPrompt="1"/>
          </p:nvPr>
        </p:nvSpPr>
        <p:spPr>
          <a:xfrm>
            <a:off x="323850" y="2637977"/>
            <a:ext cx="11542122" cy="3899347"/>
          </a:xfrm>
        </p:spPr>
        <p:txBody>
          <a:bodyPr tIns="576000" anchor="ctr" anchorCtr="0"/>
          <a:lstStyle>
            <a:lvl1pPr algn="ctr">
              <a:defRPr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 ImageShopper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CC7DFDA0-E733-460F-85B7-AD8E09D94923}" type="datetime2">
              <a:rPr lang="da-DK"/>
              <a:t>23. september 2021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240237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speciel punktopsti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541338" y="2157412"/>
            <a:ext cx="11106149" cy="4162425"/>
          </a:xfrm>
        </p:spPr>
        <p:txBody>
          <a:bodyPr/>
          <a:lstStyle>
            <a:lvl2pPr marL="216000" indent="-216000">
              <a:buFont typeface="Verdana" pitchFamily="34" charset="0"/>
              <a:buChar char="…"/>
              <a:defRPr/>
            </a:lvl2pPr>
            <a:lvl3pPr marL="216000" indent="-216000">
              <a:buFont typeface="Verdana" pitchFamily="34" charset="0"/>
              <a:buChar char="…"/>
              <a:defRPr/>
            </a:lvl3pPr>
            <a:lvl4pPr marL="216000" indent="-216000">
              <a:buFont typeface="Verdana" pitchFamily="34" charset="0"/>
              <a:buChar char="…"/>
              <a:defRPr/>
            </a:lvl4pPr>
            <a:lvl5pPr marL="216000" indent="-216000">
              <a:buFont typeface="Verdana" pitchFamily="34" charset="0"/>
              <a:buChar char="…"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3" name="Date Placeholder 22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7BE26C0-E20C-4DD4-88BE-1A7AFCE1B048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24" name="Footer Placeholder 23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25" name="Slide Number Placeholder 24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pic>
        <p:nvPicPr>
          <p:cNvPr id="7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ekstboks 8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12040485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+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1337" y="2157412"/>
            <a:ext cx="7354887" cy="416242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040688" y="2157411"/>
            <a:ext cx="3606800" cy="2727327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8040688" y="5027613"/>
            <a:ext cx="3606800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Date Placeholder 24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165FE90F-A7F6-4922-B08E-05AAABDC3F9B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26" name="Footer Placeholder 25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27" name="Slide Number Placeholder 2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ekstboks 12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6461042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+ billedtekst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1338" y="2157412"/>
            <a:ext cx="5478462" cy="416242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67438" y="2157411"/>
            <a:ext cx="5480050" cy="2727327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6167438" y="5027613"/>
            <a:ext cx="5480049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Date Placeholder 24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16328801-28EA-4713-A3DA-E38D01376073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26" name="Footer Placeholder 25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27" name="Slide Number Placeholder 2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0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ekstboks 10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42222647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+ to billedtek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1338" y="2157413"/>
            <a:ext cx="5478462" cy="2727326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67438" y="2157411"/>
            <a:ext cx="5480050" cy="2727327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6167438" y="5027613"/>
            <a:ext cx="5480050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541338" y="5026026"/>
            <a:ext cx="5478462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Date Placeholder 25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C066F5D-F99E-4304-9CCE-0B83EEA55F38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27" name="Footer Placeholder 2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28" name="Slide Number Placeholder 2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270422111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 graf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/>
          </p:nvPr>
        </p:nvSpPr>
        <p:spPr>
          <a:xfrm>
            <a:off x="539750" y="2157412"/>
            <a:ext cx="3606800" cy="272732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5" name="Text Placeholder 8"/>
          <p:cNvSpPr>
            <a:spLocks noGrp="1"/>
          </p:cNvSpPr>
          <p:nvPr>
            <p:ph type="body" sz="quarter" idx="21"/>
          </p:nvPr>
        </p:nvSpPr>
        <p:spPr>
          <a:xfrm>
            <a:off x="541338" y="5027613"/>
            <a:ext cx="3605212" cy="129133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4"/>
          </p:nvPr>
        </p:nvSpPr>
        <p:spPr>
          <a:xfrm>
            <a:off x="4291013" y="2157412"/>
            <a:ext cx="3605212" cy="272732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22"/>
          </p:nvPr>
        </p:nvSpPr>
        <p:spPr>
          <a:xfrm>
            <a:off x="4289425" y="5027614"/>
            <a:ext cx="3605212" cy="129133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9" name="Content Placeholder 6"/>
          <p:cNvSpPr>
            <a:spLocks noGrp="1"/>
          </p:cNvSpPr>
          <p:nvPr>
            <p:ph sz="quarter" idx="15"/>
          </p:nvPr>
        </p:nvSpPr>
        <p:spPr>
          <a:xfrm>
            <a:off x="8040688" y="2157412"/>
            <a:ext cx="3606800" cy="2727326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6"/>
          </p:nvPr>
        </p:nvSpPr>
        <p:spPr>
          <a:xfrm>
            <a:off x="8040688" y="5027614"/>
            <a:ext cx="3606799" cy="1291333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fld id="{DBB78D79-9D8C-4C8A-B46A-5283A2286C79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17" name="Footer Placeholder 16"/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Slide Number Placeholder 17"/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ekstboks 12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</p:spTree>
    <p:extLst>
      <p:ext uri="{BB962C8B-B14F-4D97-AF65-F5344CB8AC3E}">
        <p14:creationId xmlns:p14="http://schemas.microsoft.com/office/powerpoint/2010/main" val="34108742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+ højrestillet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41339" y="693738"/>
            <a:ext cx="5478461" cy="940329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4" hasCustomPrompt="1"/>
          </p:nvPr>
        </p:nvSpPr>
        <p:spPr>
          <a:xfrm>
            <a:off x="6704014" y="0"/>
            <a:ext cx="5487985" cy="6858000"/>
          </a:xfrm>
        </p:spPr>
        <p:txBody>
          <a:bodyPr tIns="936000" anchor="ctr" anchorCtr="0"/>
          <a:lstStyle>
            <a:lvl1pPr algn="ctr">
              <a:defRPr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/>
              <a:t>Vælg pladsholderen og indsæt foto fra</a:t>
            </a:r>
            <a:br>
              <a:rPr lang="en-US" noProof="1"/>
            </a:br>
            <a:r>
              <a:rPr lang="en-US" noProof="1"/>
              <a:t> Templafy - Images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7"/>
          </p:nvPr>
        </p:nvSpPr>
        <p:spPr>
          <a:xfrm>
            <a:off x="541338" y="2157413"/>
            <a:ext cx="5478462" cy="4162424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Tekstboks 15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/>
              <a:t>Ønsker du </a:t>
            </a:r>
            <a:r>
              <a:rPr lang="da-DK" sz="1000" b="1">
                <a:solidFill>
                  <a:schemeClr val="tx1"/>
                </a:solidFill>
              </a:rPr>
              <a:t>Overskrift-stil</a:t>
            </a:r>
            <a:r>
              <a:rPr lang="da-DK" sz="1000"/>
              <a:t> vælg </a:t>
            </a:r>
            <a:r>
              <a:rPr lang="da-DK" sz="1000" b="1"/>
              <a:t>Fed skrift </a:t>
            </a:r>
            <a:r>
              <a:rPr lang="da-DK" sz="1000"/>
              <a:t>og grøn skriftfarve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288AE1AD-F6F0-41FB-B62E-CE8B722E00EC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9" name="Billede 18"/>
          <p:cNvPicPr>
            <a:picLocks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53533" y="404664"/>
            <a:ext cx="1728000" cy="7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976607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13" Type="http://schemas.openxmlformats.org/officeDocument/2006/relationships/slideLayout" Target="../slideLayouts/slideLayout32.xml"/><Relationship Id="rId18" Type="http://schemas.openxmlformats.org/officeDocument/2006/relationships/slideLayout" Target="../slideLayouts/slideLayout37.xml"/><Relationship Id="rId3" Type="http://schemas.openxmlformats.org/officeDocument/2006/relationships/slideLayout" Target="../slideLayouts/slideLayout22.xml"/><Relationship Id="rId21" Type="http://schemas.openxmlformats.org/officeDocument/2006/relationships/theme" Target="../theme/theme2.xml"/><Relationship Id="rId7" Type="http://schemas.openxmlformats.org/officeDocument/2006/relationships/slideLayout" Target="../slideLayouts/slideLayout26.xml"/><Relationship Id="rId12" Type="http://schemas.openxmlformats.org/officeDocument/2006/relationships/slideLayout" Target="../slideLayouts/slideLayout31.xml"/><Relationship Id="rId17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1.xml"/><Relationship Id="rId16" Type="http://schemas.openxmlformats.org/officeDocument/2006/relationships/slideLayout" Target="../slideLayouts/slideLayout35.xml"/><Relationship Id="rId20" Type="http://schemas.openxmlformats.org/officeDocument/2006/relationships/slideLayout" Target="../slideLayouts/slideLayout39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slideLayout" Target="../slideLayouts/slideLayout30.xml"/><Relationship Id="rId5" Type="http://schemas.openxmlformats.org/officeDocument/2006/relationships/slideLayout" Target="../slideLayouts/slideLayout24.xml"/><Relationship Id="rId15" Type="http://schemas.openxmlformats.org/officeDocument/2006/relationships/slideLayout" Target="../slideLayouts/slideLayout34.xml"/><Relationship Id="rId10" Type="http://schemas.openxmlformats.org/officeDocument/2006/relationships/slideLayout" Target="../slideLayouts/slideLayout29.xml"/><Relationship Id="rId19" Type="http://schemas.openxmlformats.org/officeDocument/2006/relationships/slideLayout" Target="../slideLayouts/slideLayout38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Relationship Id="rId14" Type="http://schemas.openxmlformats.org/officeDocument/2006/relationships/slideLayout" Target="../slideLayouts/slideLayout33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41338" y="693738"/>
            <a:ext cx="7354887" cy="94032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1338" y="2157414"/>
            <a:ext cx="11106150" cy="41624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800">
                <a:solidFill>
                  <a:schemeClr val="accent4"/>
                </a:solidFill>
              </a:defRPr>
            </a:lvl1pPr>
          </a:lstStyle>
          <a:p>
            <a:fld id="{288AE1AD-F6F0-41FB-B62E-CE8B722E00EC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289425" y="6347804"/>
            <a:ext cx="5481637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800">
                <a:solidFill>
                  <a:schemeClr val="accent4"/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185200" y="6347803"/>
            <a:ext cx="643945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800">
                <a:solidFill>
                  <a:schemeClr val="accent4"/>
                </a:solidFill>
              </a:defRPr>
            </a:lvl1pPr>
          </a:lstStyle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cxnSp>
        <p:nvCxnSpPr>
          <p:cNvPr id="8" name="Lige forbindelse 7"/>
          <p:cNvCxnSpPr/>
          <p:nvPr userDrawn="1"/>
        </p:nvCxnSpPr>
        <p:spPr>
          <a:xfrm>
            <a:off x="541338" y="1634067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60" r:id="rId3"/>
    <p:sldLayoutId id="2147483671" r:id="rId4"/>
    <p:sldLayoutId id="2147483652" r:id="rId5"/>
    <p:sldLayoutId id="2147483664" r:id="rId6"/>
    <p:sldLayoutId id="2147483665" r:id="rId7"/>
    <p:sldLayoutId id="2147483663" r:id="rId8"/>
    <p:sldLayoutId id="2147483666" r:id="rId9"/>
    <p:sldLayoutId id="2147483667" r:id="rId10"/>
    <p:sldLayoutId id="2147483668" r:id="rId11"/>
    <p:sldLayoutId id="2147483669" r:id="rId12"/>
    <p:sldLayoutId id="2147483672" r:id="rId13"/>
    <p:sldLayoutId id="2147483676" r:id="rId14"/>
    <p:sldLayoutId id="2147483673" r:id="rId15"/>
    <p:sldLayoutId id="2147483654" r:id="rId16"/>
    <p:sldLayoutId id="2147483655" r:id="rId17"/>
    <p:sldLayoutId id="2147483670" r:id="rId18"/>
    <p:sldLayoutId id="2147483678" r:id="rId19"/>
  </p:sldLayoutIdLst>
  <p:hf hdr="0" ft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3000" kern="12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buFontTx/>
        <a:buNone/>
        <a:defRPr sz="18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44000" algn="l" defTabSz="914400" rtl="0" eaLnBrk="1" latinLnBrk="0" hangingPunct="1">
        <a:lnSpc>
          <a:spcPct val="100000"/>
        </a:lnSpc>
        <a:spcBef>
          <a:spcPts val="0"/>
        </a:spcBef>
        <a:buFont typeface="Verdana" panose="020B0604030504040204" pitchFamily="34" charset="0"/>
        <a:buChar char="·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504000" indent="-144000" algn="l" defTabSz="914400" rtl="0" eaLnBrk="1" latinLnBrk="0" hangingPunct="1">
        <a:lnSpc>
          <a:spcPct val="100000"/>
        </a:lnSpc>
        <a:spcBef>
          <a:spcPts val="0"/>
        </a:spcBef>
        <a:buFont typeface="Verdana" pitchFamily="34" charset="0"/>
        <a:buChar char="·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144000" algn="l" defTabSz="914400" rtl="0" eaLnBrk="1" latinLnBrk="0" hangingPunct="1">
        <a:lnSpc>
          <a:spcPct val="100000"/>
        </a:lnSpc>
        <a:spcBef>
          <a:spcPts val="0"/>
        </a:spcBef>
        <a:buFont typeface="Verdana" pitchFamily="34" charset="0"/>
        <a:buChar char="·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37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pos="3792" userDrawn="1">
          <p15:clr>
            <a:srgbClr val="F26B43"/>
          </p15:clr>
        </p15:guide>
        <p15:guide id="4" pos="3885" userDrawn="1">
          <p15:clr>
            <a:srgbClr val="F26B43"/>
          </p15:clr>
        </p15:guide>
        <p15:guide id="5" pos="2613" userDrawn="1">
          <p15:clr>
            <a:srgbClr val="F26B43"/>
          </p15:clr>
        </p15:guide>
        <p15:guide id="6" pos="205" userDrawn="1">
          <p15:clr>
            <a:srgbClr val="F26B43"/>
          </p15:clr>
        </p15:guide>
        <p15:guide id="7" pos="340" userDrawn="1">
          <p15:clr>
            <a:srgbClr val="F26B43"/>
          </p15:clr>
        </p15:guide>
        <p15:guide id="8" pos="1432" userDrawn="1">
          <p15:clr>
            <a:srgbClr val="F26B43"/>
          </p15:clr>
        </p15:guide>
        <p15:guide id="9" pos="1518" userDrawn="1">
          <p15:clr>
            <a:srgbClr val="F26B43"/>
          </p15:clr>
        </p15:guide>
        <p15:guide id="10" pos="2700" userDrawn="1">
          <p15:clr>
            <a:srgbClr val="F26B43"/>
          </p15:clr>
        </p15:guide>
        <p15:guide id="11" pos="89" userDrawn="1">
          <p15:clr>
            <a:srgbClr val="F26B43"/>
          </p15:clr>
        </p15:guide>
        <p15:guide id="12" pos="4974" userDrawn="1">
          <p15:clr>
            <a:srgbClr val="F26B43"/>
          </p15:clr>
        </p15:guide>
        <p15:guide id="13" pos="5064" userDrawn="1">
          <p15:clr>
            <a:srgbClr val="F26B43"/>
          </p15:clr>
        </p15:guide>
        <p15:guide id="14" pos="6244" userDrawn="1">
          <p15:clr>
            <a:srgbClr val="F26B43"/>
          </p15:clr>
        </p15:guide>
        <p15:guide id="15" pos="6156" userDrawn="1">
          <p15:clr>
            <a:srgbClr val="F26B43"/>
          </p15:clr>
        </p15:guide>
        <p15:guide id="16" pos="7474" userDrawn="1">
          <p15:clr>
            <a:srgbClr val="F26B43"/>
          </p15:clr>
        </p15:guide>
        <p15:guide id="17" pos="7337" userDrawn="1">
          <p15:clr>
            <a:srgbClr val="F26B43"/>
          </p15:clr>
        </p15:guide>
        <p15:guide id="18" orient="horz" pos="632" userDrawn="1">
          <p15:clr>
            <a:srgbClr val="F26B43"/>
          </p15:clr>
        </p15:guide>
        <p15:guide id="19" orient="horz" pos="1218" userDrawn="1">
          <p15:clr>
            <a:srgbClr val="F26B43"/>
          </p15:clr>
        </p15:guide>
        <p15:guide id="20" orient="horz" pos="1264" userDrawn="1">
          <p15:clr>
            <a:srgbClr val="F26B43"/>
          </p15:clr>
        </p15:guide>
        <p15:guide id="21" orient="horz" pos="1359" userDrawn="1">
          <p15:clr>
            <a:srgbClr val="F26B43"/>
          </p15:clr>
        </p15:guide>
        <p15:guide id="22" orient="horz" pos="2161" userDrawn="1">
          <p15:clr>
            <a:srgbClr val="F26B43"/>
          </p15:clr>
        </p15:guide>
        <p15:guide id="23" orient="horz" pos="2263" userDrawn="1">
          <p15:clr>
            <a:srgbClr val="F26B43"/>
          </p15:clr>
        </p15:guide>
        <p15:guide id="24" orient="horz" pos="3075" userDrawn="1">
          <p15:clr>
            <a:srgbClr val="F26B43"/>
          </p15:clr>
        </p15:guide>
        <p15:guide id="25" orient="horz" pos="3165" userDrawn="1">
          <p15:clr>
            <a:srgbClr val="F26B43"/>
          </p15:clr>
        </p15:guide>
        <p15:guide id="26" orient="horz" pos="3981" userDrawn="1">
          <p15:clr>
            <a:srgbClr val="F26B43"/>
          </p15:clr>
        </p15:guide>
        <p15:guide id="27" orient="horz" pos="4117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41338" y="693738"/>
            <a:ext cx="7354887" cy="94032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1338" y="2157414"/>
            <a:ext cx="11106150" cy="41624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800">
                <a:solidFill>
                  <a:schemeClr val="accent4"/>
                </a:solidFill>
              </a:defRPr>
            </a:lvl1pPr>
          </a:lstStyle>
          <a:p>
            <a:fld id="{288AE1AD-F6F0-41FB-B62E-CE8B722E00EC}" type="datetime2">
              <a:rPr lang="da-DK" smtClean="0"/>
              <a:t>23. september 2021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289425" y="6347804"/>
            <a:ext cx="5481637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800">
                <a:solidFill>
                  <a:schemeClr val="accent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185200" y="6347803"/>
            <a:ext cx="643945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800">
                <a:solidFill>
                  <a:schemeClr val="accent4"/>
                </a:solidFill>
              </a:defRPr>
            </a:lvl1pPr>
          </a:lstStyle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7972" y="400635"/>
            <a:ext cx="1728000" cy="983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cxnSp>
        <p:nvCxnSpPr>
          <p:cNvPr id="8" name="Lige forbindelse 7"/>
          <p:cNvCxnSpPr/>
          <p:nvPr userDrawn="1"/>
        </p:nvCxnSpPr>
        <p:spPr>
          <a:xfrm>
            <a:off x="541338" y="1634067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910700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  <p:sldLayoutId id="2147483681" r:id="rId2"/>
    <p:sldLayoutId id="2147483682" r:id="rId3"/>
    <p:sldLayoutId id="2147483683" r:id="rId4"/>
    <p:sldLayoutId id="2147483684" r:id="rId5"/>
    <p:sldLayoutId id="2147483685" r:id="rId6"/>
    <p:sldLayoutId id="2147483686" r:id="rId7"/>
    <p:sldLayoutId id="2147483687" r:id="rId8"/>
    <p:sldLayoutId id="2147483688" r:id="rId9"/>
    <p:sldLayoutId id="2147483689" r:id="rId10"/>
    <p:sldLayoutId id="2147483690" r:id="rId11"/>
    <p:sldLayoutId id="2147483691" r:id="rId12"/>
    <p:sldLayoutId id="2147483692" r:id="rId13"/>
    <p:sldLayoutId id="2147483693" r:id="rId14"/>
    <p:sldLayoutId id="2147483694" r:id="rId15"/>
    <p:sldLayoutId id="2147483695" r:id="rId16"/>
    <p:sldLayoutId id="2147483696" r:id="rId17"/>
    <p:sldLayoutId id="2147483697" r:id="rId18"/>
    <p:sldLayoutId id="2147483698" r:id="rId19"/>
    <p:sldLayoutId id="2147483699" r:id="rId20"/>
  </p:sldLayoutIdLst>
  <p:hf hdr="0" ft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3000" kern="12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buFontTx/>
        <a:buNone/>
        <a:defRPr sz="18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44000" algn="l" defTabSz="914400" rtl="0" eaLnBrk="1" latinLnBrk="0" hangingPunct="1">
        <a:lnSpc>
          <a:spcPct val="100000"/>
        </a:lnSpc>
        <a:spcBef>
          <a:spcPts val="0"/>
        </a:spcBef>
        <a:buFont typeface="Verdana" panose="020B0604030504040204" pitchFamily="34" charset="0"/>
        <a:buChar char="·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504000" indent="-144000" algn="l" defTabSz="914400" rtl="0" eaLnBrk="1" latinLnBrk="0" hangingPunct="1">
        <a:lnSpc>
          <a:spcPct val="100000"/>
        </a:lnSpc>
        <a:spcBef>
          <a:spcPts val="0"/>
        </a:spcBef>
        <a:buFont typeface="Verdana" pitchFamily="34" charset="0"/>
        <a:buChar char="·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144000" algn="l" defTabSz="914400" rtl="0" eaLnBrk="1" latinLnBrk="0" hangingPunct="1">
        <a:lnSpc>
          <a:spcPct val="100000"/>
        </a:lnSpc>
        <a:spcBef>
          <a:spcPts val="0"/>
        </a:spcBef>
        <a:buFont typeface="Verdana" pitchFamily="34" charset="0"/>
        <a:buChar char="·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37">
          <p15:clr>
            <a:srgbClr val="F26B43"/>
          </p15:clr>
        </p15:guide>
        <p15:guide id="2" pos="3840">
          <p15:clr>
            <a:srgbClr val="F26B43"/>
          </p15:clr>
        </p15:guide>
        <p15:guide id="3" pos="3792">
          <p15:clr>
            <a:srgbClr val="F26B43"/>
          </p15:clr>
        </p15:guide>
        <p15:guide id="4" pos="3885">
          <p15:clr>
            <a:srgbClr val="F26B43"/>
          </p15:clr>
        </p15:guide>
        <p15:guide id="5" pos="2613">
          <p15:clr>
            <a:srgbClr val="F26B43"/>
          </p15:clr>
        </p15:guide>
        <p15:guide id="6" pos="205">
          <p15:clr>
            <a:srgbClr val="F26B43"/>
          </p15:clr>
        </p15:guide>
        <p15:guide id="7" pos="340">
          <p15:clr>
            <a:srgbClr val="F26B43"/>
          </p15:clr>
        </p15:guide>
        <p15:guide id="8" pos="1432">
          <p15:clr>
            <a:srgbClr val="F26B43"/>
          </p15:clr>
        </p15:guide>
        <p15:guide id="9" pos="1518">
          <p15:clr>
            <a:srgbClr val="F26B43"/>
          </p15:clr>
        </p15:guide>
        <p15:guide id="10" pos="2700">
          <p15:clr>
            <a:srgbClr val="F26B43"/>
          </p15:clr>
        </p15:guide>
        <p15:guide id="11" pos="89">
          <p15:clr>
            <a:srgbClr val="F26B43"/>
          </p15:clr>
        </p15:guide>
        <p15:guide id="12" pos="4974">
          <p15:clr>
            <a:srgbClr val="F26B43"/>
          </p15:clr>
        </p15:guide>
        <p15:guide id="13" pos="5064">
          <p15:clr>
            <a:srgbClr val="F26B43"/>
          </p15:clr>
        </p15:guide>
        <p15:guide id="14" pos="6244">
          <p15:clr>
            <a:srgbClr val="F26B43"/>
          </p15:clr>
        </p15:guide>
        <p15:guide id="15" pos="6156">
          <p15:clr>
            <a:srgbClr val="F26B43"/>
          </p15:clr>
        </p15:guide>
        <p15:guide id="16" pos="7474">
          <p15:clr>
            <a:srgbClr val="F26B43"/>
          </p15:clr>
        </p15:guide>
        <p15:guide id="17" pos="7337">
          <p15:clr>
            <a:srgbClr val="F26B43"/>
          </p15:clr>
        </p15:guide>
        <p15:guide id="18" orient="horz" pos="632">
          <p15:clr>
            <a:srgbClr val="F26B43"/>
          </p15:clr>
        </p15:guide>
        <p15:guide id="19" orient="horz" pos="1218">
          <p15:clr>
            <a:srgbClr val="F26B43"/>
          </p15:clr>
        </p15:guide>
        <p15:guide id="20" orient="horz" pos="1264">
          <p15:clr>
            <a:srgbClr val="F26B43"/>
          </p15:clr>
        </p15:guide>
        <p15:guide id="21" orient="horz" pos="1359">
          <p15:clr>
            <a:srgbClr val="F26B43"/>
          </p15:clr>
        </p15:guide>
        <p15:guide id="22" orient="horz" pos="2161">
          <p15:clr>
            <a:srgbClr val="F26B43"/>
          </p15:clr>
        </p15:guide>
        <p15:guide id="23" orient="horz" pos="2263">
          <p15:clr>
            <a:srgbClr val="F26B43"/>
          </p15:clr>
        </p15:guide>
        <p15:guide id="24" orient="horz" pos="3075">
          <p15:clr>
            <a:srgbClr val="F26B43"/>
          </p15:clr>
        </p15:guide>
        <p15:guide id="25" orient="horz" pos="3165">
          <p15:clr>
            <a:srgbClr val="F26B43"/>
          </p15:clr>
        </p15:guide>
        <p15:guide id="26" orient="horz" pos="3981">
          <p15:clr>
            <a:srgbClr val="F26B43"/>
          </p15:clr>
        </p15:guide>
        <p15:guide id="27" orient="horz" pos="4117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1.xml"/><Relationship Id="rId5" Type="http://schemas.openxmlformats.org/officeDocument/2006/relationships/image" Target="../media/image9.png"/><Relationship Id="rId4" Type="http://schemas.openxmlformats.org/officeDocument/2006/relationships/image" Target="../media/image8.jpe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11.jpeg"/><Relationship Id="rId5" Type="http://schemas.openxmlformats.org/officeDocument/2006/relationships/image" Target="../media/image10.jpeg"/><Relationship Id="rId4" Type="http://schemas.openxmlformats.org/officeDocument/2006/relationships/slideLayout" Target="../slideLayouts/slideLayout1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6.xml"/><Relationship Id="rId5" Type="http://schemas.openxmlformats.org/officeDocument/2006/relationships/image" Target="../media/image14.png"/><Relationship Id="rId4" Type="http://schemas.openxmlformats.org/officeDocument/2006/relationships/image" Target="../media/image13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8.xml"/><Relationship Id="rId4" Type="http://schemas.openxmlformats.org/officeDocument/2006/relationships/image" Target="../media/image15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9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8.xml"/><Relationship Id="rId1" Type="http://schemas.openxmlformats.org/officeDocument/2006/relationships/tags" Target="../tags/tag10.xml"/><Relationship Id="rId5" Type="http://schemas.openxmlformats.org/officeDocument/2006/relationships/image" Target="../media/image17.bin"/><Relationship Id="rId4" Type="http://schemas.openxmlformats.org/officeDocument/2006/relationships/image" Target="../media/image16.bin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6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31" b="631"/>
          <a:stretch/>
        </p:blipFill>
        <p:spPr>
          <a:xfrm>
            <a:off x="0" y="2188"/>
            <a:ext cx="12192001" cy="8027654"/>
          </a:xfrm>
          <a:prstGeom prst="rect">
            <a:avLst/>
          </a:prstGeom>
        </p:spPr>
      </p:pic>
      <p:sp>
        <p:nvSpPr>
          <p:cNvPr id="10" name="Rektangel 9"/>
          <p:cNvSpPr>
            <a:spLocks/>
          </p:cNvSpPr>
          <p:nvPr/>
        </p:nvSpPr>
        <p:spPr>
          <a:xfrm>
            <a:off x="459198" y="3068960"/>
            <a:ext cx="6624736" cy="626635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>
              <a:solidFill>
                <a:schemeClr val="tx1"/>
              </a:solidFill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61991" y="2049099"/>
            <a:ext cx="5478461" cy="940329"/>
          </a:xfrm>
        </p:spPr>
        <p:txBody>
          <a:bodyPr/>
          <a:lstStyle/>
          <a:p>
            <a:r>
              <a:rPr lang="da-DK" sz="180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ækstfonden – statens finansieringsfond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/>
              <a:pPr/>
              <a:t>1</a:t>
            </a:fld>
            <a:endParaRPr lang="da-DK"/>
          </a:p>
        </p:txBody>
      </p:sp>
      <p:sp>
        <p:nvSpPr>
          <p:cNvPr id="9" name="Rektangel 8"/>
          <p:cNvSpPr>
            <a:spLocks/>
          </p:cNvSpPr>
          <p:nvPr/>
        </p:nvSpPr>
        <p:spPr>
          <a:xfrm>
            <a:off x="459198" y="2399408"/>
            <a:ext cx="8280920" cy="626635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>
              <a:solidFill>
                <a:schemeClr val="tx1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7"/>
          </p:nvPr>
        </p:nvSpPr>
        <p:spPr>
          <a:xfrm>
            <a:off x="562919" y="2331719"/>
            <a:ext cx="8424936" cy="4162424"/>
          </a:xfrm>
        </p:spPr>
        <p:txBody>
          <a:bodyPr/>
          <a:lstStyle/>
          <a:p>
            <a:r>
              <a:rPr lang="da-DK" sz="4400" dirty="0">
                <a:solidFill>
                  <a:schemeClr val="bg1"/>
                </a:solidFill>
              </a:rPr>
              <a:t>Sammen sætter vi ting i gang og mennesker i arbejde</a:t>
            </a:r>
          </a:p>
        </p:txBody>
      </p:sp>
      <p:pic>
        <p:nvPicPr>
          <p:cNvPr id="11" name="Billede 10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128448" y="405285"/>
            <a:ext cx="1705684" cy="942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00840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D190ECA1-EABC-464D-B719-4D63C605A0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7810A-CB3A-4DC3-97E1-C5F2450471E0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6ECD41C-7822-4DFC-A319-34C5E9CD6F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10</a:t>
            </a:fld>
            <a:endParaRPr lang="da-DK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3FB3ED9D-5AF4-484A-B7BE-CD9449C3EA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 vil gerne i dialog med jer</a:t>
            </a:r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7013D016-9CA0-4AEC-9D9E-800A7B8FCA8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2400" dirty="0"/>
              <a:t>Vi finansierer virksomheder i drift</a:t>
            </a:r>
          </a:p>
          <a:p>
            <a:endParaRPr lang="da-DK" sz="2400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2400" dirty="0"/>
              <a:t>Vi er åbne for at se på og drøfte projektfinansiering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sz="2400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2400" dirty="0"/>
              <a:t>Vi mødes gerne for en afklaring af muligheder og løsninger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sz="2400" dirty="0"/>
          </a:p>
          <a:p>
            <a:endParaRPr lang="da-DK" sz="2400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sz="2400" dirty="0"/>
          </a:p>
        </p:txBody>
      </p:sp>
    </p:spTree>
    <p:extLst>
      <p:ext uri="{BB962C8B-B14F-4D97-AF65-F5344CB8AC3E}">
        <p14:creationId xmlns:p14="http://schemas.microsoft.com/office/powerpoint/2010/main" val="35924527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41338" y="726395"/>
            <a:ext cx="7354887" cy="940329"/>
          </a:xfrm>
        </p:spPr>
        <p:txBody>
          <a:bodyPr/>
          <a:lstStyle/>
          <a:p>
            <a:r>
              <a:rPr lang="da-DK" dirty="0"/>
              <a:t>Hvem er vi?</a:t>
            </a:r>
          </a:p>
        </p:txBody>
      </p:sp>
      <p:sp>
        <p:nvSpPr>
          <p:cNvPr id="12" name="Pladsholder til billede 8">
            <a:extLst>
              <a:ext uri="{FF2B5EF4-FFF2-40B4-BE49-F238E27FC236}">
                <a16:creationId xmlns:a16="http://schemas.microsoft.com/office/drawing/2014/main" id="{D5C44917-4875-48A4-8D8A-BF27A16681E5}"/>
              </a:ext>
            </a:extLst>
          </p:cNvPr>
          <p:cNvSpPr txBox="1">
            <a:spLocks/>
          </p:cNvSpPr>
          <p:nvPr/>
        </p:nvSpPr>
        <p:spPr>
          <a:xfrm>
            <a:off x="693738" y="2300288"/>
            <a:ext cx="3605212" cy="2736850"/>
          </a:xfrm>
          <a:prstGeom prst="rect">
            <a:avLst/>
          </a:prstGeom>
        </p:spPr>
      </p:sp>
      <p:pic>
        <p:nvPicPr>
          <p:cNvPr id="21" name="Picture Placeholder 18">
            <a:extLst>
              <a:ext uri="{FF2B5EF4-FFF2-40B4-BE49-F238E27FC236}">
                <a16:creationId xmlns:a16="http://schemas.microsoft.com/office/drawing/2014/main" id="{ADA84C94-A6AF-4A3C-863D-7AA8D695E873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2"/>
            </p:custDataLst>
          </p:nvPr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043" r="6043"/>
          <a:stretch/>
        </p:blipFill>
        <p:spPr>
          <a:xfrm>
            <a:off x="578408" y="1901905"/>
            <a:ext cx="3857668" cy="2796071"/>
          </a:xfrm>
        </p:spPr>
      </p:pic>
      <p:pic>
        <p:nvPicPr>
          <p:cNvPr id="27" name="Picture 23">
            <a:extLst>
              <a:ext uri="{FF2B5EF4-FFF2-40B4-BE49-F238E27FC236}">
                <a16:creationId xmlns:a16="http://schemas.microsoft.com/office/drawing/2014/main" id="{0375CE05-4AE4-4739-BA61-F192002DBD63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632" t="1799" r="-1"/>
          <a:stretch/>
        </p:blipFill>
        <p:spPr>
          <a:xfrm>
            <a:off x="6606643" y="1986586"/>
            <a:ext cx="4245771" cy="2680552"/>
          </a:xfrm>
          <a:prstGeom prst="rect">
            <a:avLst/>
          </a:prstGeom>
        </p:spPr>
      </p:pic>
      <p:sp>
        <p:nvSpPr>
          <p:cNvPr id="38" name="Tekstfelt 37">
            <a:extLst>
              <a:ext uri="{FF2B5EF4-FFF2-40B4-BE49-F238E27FC236}">
                <a16:creationId xmlns:a16="http://schemas.microsoft.com/office/drawing/2014/main" id="{9E6162BE-E787-4C16-B5DF-BBF24D55E94B}"/>
              </a:ext>
            </a:extLst>
          </p:cNvPr>
          <p:cNvSpPr txBox="1"/>
          <p:nvPr/>
        </p:nvSpPr>
        <p:spPr>
          <a:xfrm>
            <a:off x="518979" y="4800769"/>
            <a:ext cx="6870356" cy="175432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/>
              <a:t>Anders Christian Andersen</a:t>
            </a:r>
          </a:p>
          <a:p>
            <a:endParaRPr lang="en-US" dirty="0"/>
          </a:p>
          <a:p>
            <a:r>
              <a:rPr lang="en-US" dirty="0"/>
              <a:t>Senior Director, VF </a:t>
            </a:r>
            <a:r>
              <a:rPr lang="en-US" dirty="0" err="1"/>
              <a:t>Udlån</a:t>
            </a:r>
            <a:endParaRPr lang="en-US" dirty="0"/>
          </a:p>
          <a:p>
            <a:endParaRPr lang="en-US" dirty="0"/>
          </a:p>
          <a:p>
            <a:r>
              <a:rPr lang="en-US" dirty="0"/>
              <a:t>E-mail: aca@vf.dk</a:t>
            </a:r>
          </a:p>
          <a:p>
            <a:r>
              <a:rPr lang="en-US" dirty="0"/>
              <a:t>Mobil: +45 21 61 55 56</a:t>
            </a:r>
            <a:endParaRPr lang="da-DK" dirty="0"/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4ADC7E70-6726-48DB-A236-23519D33765A}"/>
              </a:ext>
            </a:extLst>
          </p:cNvPr>
          <p:cNvSpPr txBox="1"/>
          <p:nvPr/>
        </p:nvSpPr>
        <p:spPr>
          <a:xfrm>
            <a:off x="6722097" y="4800773"/>
            <a:ext cx="6870356" cy="175432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e-DE" dirty="0"/>
              <a:t>Trine Løve</a:t>
            </a:r>
          </a:p>
          <a:p>
            <a:endParaRPr lang="de-DE" dirty="0"/>
          </a:p>
          <a:p>
            <a:r>
              <a:rPr lang="de-DE" dirty="0" err="1"/>
              <a:t>Porteføljekundechef</a:t>
            </a:r>
            <a:endParaRPr lang="de-DE" dirty="0"/>
          </a:p>
          <a:p>
            <a:endParaRPr lang="de-DE" dirty="0"/>
          </a:p>
          <a:p>
            <a:r>
              <a:rPr lang="de-DE" dirty="0" err="1"/>
              <a:t>E-mail</a:t>
            </a:r>
            <a:r>
              <a:rPr lang="de-DE" dirty="0"/>
              <a:t>: tdh@vf.dk</a:t>
            </a:r>
          </a:p>
          <a:p>
            <a:r>
              <a:rPr lang="de-DE" dirty="0"/>
              <a:t>Mobil: 42700465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666779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41339" y="693738"/>
            <a:ext cx="4978597" cy="940329"/>
          </a:xfrm>
        </p:spPr>
        <p:txBody>
          <a:bodyPr/>
          <a:lstStyle/>
          <a:p>
            <a:r>
              <a:rPr lang="da-DK"/>
              <a:t>Vækstfondens formål</a:t>
            </a:r>
          </a:p>
        </p:txBody>
      </p:sp>
      <p:pic>
        <p:nvPicPr>
          <p:cNvPr id="8" name="Picture Placeholder 2"/>
          <p:cNvPicPr>
            <a:picLocks noGrp="1" noChangeAspect="1"/>
          </p:cNvPicPr>
          <p:nvPr>
            <p:ph type="pic" sz="quarter" idx="14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315" r="23315"/>
          <a:stretch/>
        </p:blipFill>
        <p:spPr>
          <a:xfrm>
            <a:off x="6704014" y="0"/>
            <a:ext cx="5487985" cy="6858000"/>
          </a:xfrm>
        </p:spPr>
      </p:pic>
      <p:sp>
        <p:nvSpPr>
          <p:cNvPr id="4" name="Pladsholder til tekst 3"/>
          <p:cNvSpPr>
            <a:spLocks noGrp="1"/>
          </p:cNvSpPr>
          <p:nvPr>
            <p:ph type="body" sz="quarter" idx="17"/>
          </p:nvPr>
        </p:nvSpPr>
        <p:spPr>
          <a:xfrm>
            <a:off x="541338" y="1916832"/>
            <a:ext cx="5478462" cy="4162424"/>
          </a:xfrm>
        </p:spPr>
        <p:txBody>
          <a:bodyPr/>
          <a:lstStyle/>
          <a:p>
            <a:r>
              <a:rPr lang="da-DK" sz="4800"/>
              <a:t>At </a:t>
            </a:r>
            <a:r>
              <a:rPr lang="da-DK" sz="4800">
                <a:solidFill>
                  <a:srgbClr val="00B050"/>
                </a:solidFill>
              </a:rPr>
              <a:t>udvælge</a:t>
            </a:r>
            <a:r>
              <a:rPr lang="da-DK" sz="4800"/>
              <a:t> og </a:t>
            </a:r>
            <a:r>
              <a:rPr lang="da-DK" sz="4800">
                <a:solidFill>
                  <a:srgbClr val="00B050"/>
                </a:solidFill>
              </a:rPr>
              <a:t>udvikle</a:t>
            </a:r>
            <a:r>
              <a:rPr lang="da-DK" sz="4800"/>
              <a:t> de virksomheder, </a:t>
            </a:r>
            <a:r>
              <a:rPr lang="da-DK" sz="4800">
                <a:solidFill>
                  <a:srgbClr val="00B050"/>
                </a:solidFill>
              </a:rPr>
              <a:t>Danmark</a:t>
            </a:r>
            <a:r>
              <a:rPr lang="da-DK" sz="4800"/>
              <a:t> ikke må gå glip af</a:t>
            </a:r>
          </a:p>
          <a:p>
            <a:endParaRPr lang="da-DK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/>
              <a:pPr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473564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Sådan fungerer Vækstfonden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20"/>
          </p:nvPr>
        </p:nvSpPr>
        <p:spPr>
          <a:xfrm>
            <a:off x="11185200" y="6347803"/>
            <a:ext cx="643945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4</a:t>
            </a:fld>
            <a:endParaRPr lang="da-DK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295800" y="1304893"/>
            <a:ext cx="7694322" cy="5232433"/>
          </a:xfrm>
          <a:prstGeom prst="rect">
            <a:avLst/>
          </a:prstGeom>
        </p:spPr>
      </p:pic>
      <p:pic>
        <p:nvPicPr>
          <p:cNvPr id="793" name="Billede 792"/>
          <p:cNvPicPr>
            <a:picLocks noChangeAspect="1"/>
          </p:cNvPicPr>
          <p:nvPr/>
        </p:nvPicPr>
        <p:blipFill rotWithShape="1">
          <a:blip r:embed="rId5"/>
          <a:srcRect/>
          <a:stretch/>
        </p:blipFill>
        <p:spPr>
          <a:xfrm>
            <a:off x="375300" y="1634066"/>
            <a:ext cx="4064516" cy="486750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8167352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ound Diagonal Corner Rectangle 3"/>
          <p:cNvSpPr>
            <a:spLocks/>
          </p:cNvSpPr>
          <p:nvPr/>
        </p:nvSpPr>
        <p:spPr>
          <a:xfrm>
            <a:off x="8272102" y="2461260"/>
            <a:ext cx="2928338" cy="3745865"/>
          </a:xfrm>
          <a:prstGeom prst="round2DiagRect">
            <a:avLst>
              <a:gd name="adj1" fmla="val 30544"/>
              <a:gd name="adj2" fmla="val 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3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useo Slab 500"/>
              <a:ea typeface="+mn-ea"/>
              <a:cs typeface="+mn-cs"/>
            </a:endParaRPr>
          </a:p>
        </p:txBody>
      </p:sp>
      <p:sp>
        <p:nvSpPr>
          <p:cNvPr id="13" name="Round Diagonal Corner Rectangle 5"/>
          <p:cNvSpPr>
            <a:spLocks/>
          </p:cNvSpPr>
          <p:nvPr/>
        </p:nvSpPr>
        <p:spPr>
          <a:xfrm>
            <a:off x="4632960" y="2431073"/>
            <a:ext cx="2903220" cy="3776052"/>
          </a:xfrm>
          <a:prstGeom prst="round2DiagRect">
            <a:avLst>
              <a:gd name="adj1" fmla="val 30544"/>
              <a:gd name="adj2" fmla="val 0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107 mia. kr. i </a:t>
            </a:r>
            <a:br>
              <a:rPr kumimoji="0" lang="da-DK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</a:br>
            <a:r>
              <a:rPr kumimoji="0" lang="da-DK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omsætn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useo Slab 500" panose="02000000000000000000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De virksomheder,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vi har finansieret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siden 1992, havde i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2018 tilsammen en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omsætning på mere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end 107 mia. kr. 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800" b="0" i="0" u="none" strike="noStrike" kern="1200" cap="none" spc="0" normalizeH="0" baseline="0" noProof="0" dirty="0">
              <a:ln>
                <a:noFill/>
              </a:ln>
              <a:solidFill>
                <a:srgbClr val="95979A"/>
              </a:solidFill>
              <a:effectLst/>
              <a:uLnTx/>
              <a:uFillTx/>
              <a:latin typeface="Museo Slab 500"/>
              <a:ea typeface="+mn-ea"/>
              <a:cs typeface="+mn-cs"/>
            </a:endParaRPr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>
          <a:xfrm>
            <a:off x="595767" y="367261"/>
            <a:ext cx="7354887" cy="940329"/>
          </a:xfrm>
        </p:spPr>
        <p:txBody>
          <a:bodyPr/>
          <a:lstStyle/>
          <a:p>
            <a:r>
              <a:rPr lang="da-DK" dirty="0"/>
              <a:t>Aktiviteter og effekter af Vækstfondens </a:t>
            </a:r>
            <a:br>
              <a:rPr lang="da-DK" dirty="0"/>
            </a:br>
            <a:r>
              <a:rPr lang="da-DK" dirty="0"/>
              <a:t>medfinansiering siden 1992</a:t>
            </a:r>
          </a:p>
        </p:txBody>
      </p:sp>
      <p:sp>
        <p:nvSpPr>
          <p:cNvPr id="11" name="Tekstboks 10"/>
          <p:cNvSpPr txBox="1">
            <a:spLocks/>
          </p:cNvSpPr>
          <p:nvPr/>
        </p:nvSpPr>
        <p:spPr>
          <a:xfrm>
            <a:off x="1108710" y="2788920"/>
            <a:ext cx="2617470" cy="32316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/>
                <a:ea typeface="+mn-ea"/>
                <a:cs typeface="+mn-cs"/>
              </a:rPr>
              <a:t>Virksomhe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4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useo Slab 50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/>
                <a:ea typeface="+mn-ea"/>
                <a:cs typeface="+mn-cs"/>
              </a:rPr>
              <a:t>5.00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useo Slab 50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/>
                <a:ea typeface="+mn-ea"/>
                <a:cs typeface="+mn-cs"/>
              </a:rPr>
              <a:t>Siden 1992 har vi medfinansieret mere end 5.000 danske små og mellemstore virksomheder. Heraf er </a:t>
            </a:r>
            <a:r>
              <a:rPr kumimoji="0" lang="da-DK" sz="1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/>
                <a:ea typeface="+mn-ea"/>
                <a:cs typeface="+mn-cs"/>
              </a:rPr>
              <a:t>3500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/>
                <a:ea typeface="+mn-ea"/>
                <a:cs typeface="+mn-cs"/>
              </a:rPr>
              <a:t> aktive i dag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6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useo Slab 500"/>
              <a:ea typeface="+mn-ea"/>
              <a:cs typeface="+mn-cs"/>
            </a:endParaRPr>
          </a:p>
        </p:txBody>
      </p:sp>
      <p:sp>
        <p:nvSpPr>
          <p:cNvPr id="15" name="Tekstboks 14"/>
          <p:cNvSpPr txBox="1">
            <a:spLocks/>
          </p:cNvSpPr>
          <p:nvPr/>
        </p:nvSpPr>
        <p:spPr>
          <a:xfrm>
            <a:off x="8532007" y="2887938"/>
            <a:ext cx="2617470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65.500 arbejdsplads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useo Slab 500" panose="02000000000000000000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De virksomheder, vi har medfinansieret siden 1992, havde i 2018 tilsammen mere end 65.500 ansatte</a:t>
            </a: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/>
                <a:ea typeface="+mn-ea"/>
                <a:cs typeface="+mn-cs"/>
              </a:rPr>
              <a:t>. </a:t>
            </a:r>
          </a:p>
        </p:txBody>
      </p:sp>
      <p:sp>
        <p:nvSpPr>
          <p:cNvPr id="12" name="Round Diagonal Corner Rectangle 4"/>
          <p:cNvSpPr>
            <a:spLocks/>
          </p:cNvSpPr>
          <p:nvPr/>
        </p:nvSpPr>
        <p:spPr>
          <a:xfrm>
            <a:off x="952475" y="2431073"/>
            <a:ext cx="2944563" cy="3776052"/>
          </a:xfrm>
          <a:prstGeom prst="round2DiagRect">
            <a:avLst>
              <a:gd name="adj1" fmla="val 30544"/>
              <a:gd name="adj2" fmla="val 0"/>
            </a:avLst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+7.900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virksomhe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useo Slab 500" panose="02000000000000000000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Siden 1992 har vi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medfinansieret mere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end 7.900 danske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små og mellemstore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virksomheder. Heraf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er 60 pct. aktive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useo Slab 500" panose="02000000000000000000" charset="0"/>
                <a:ea typeface="+mn-ea"/>
                <a:cs typeface="+mn-cs"/>
              </a:rPr>
              <a:t>i dag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8756107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B17C2FF-0043-421E-8285-01E1D215F4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7810A-CB3A-4DC3-97E1-C5F2450471E0}" type="datetime2">
              <a:rPr lang="da-DK" smtClean="0"/>
              <a:t>23. september 2021</a:t>
            </a:fld>
            <a:endParaRPr lang="da-DK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7E7273A-E4F6-4C2F-8E41-120B46AB86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 smtClean="0"/>
              <a:pPr/>
              <a:t>6</a:t>
            </a:fld>
            <a:endParaRPr lang="da-DK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6D02E37-660C-4F84-B4AA-BE8B0F7D2D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reative kroner</a:t>
            </a:r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CEBFCE20-3D3A-4C83-871D-10A947204946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pPr algn="ctr"/>
            <a:r>
              <a:rPr lang="da-DK" sz="2800" dirty="0"/>
              <a:t>Vækstfonden har siden udgangen af 2018 ydet lån for DKK 264 </a:t>
            </a:r>
            <a:r>
              <a:rPr lang="da-DK" sz="2800" dirty="0" err="1"/>
              <a:t>mio</a:t>
            </a:r>
            <a:r>
              <a:rPr lang="da-DK" sz="2800" dirty="0"/>
              <a:t> fordelt på 90 virksomheder, indenfor kreative og kulturelle erhverv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987918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7" name="Billede 46"/>
          <p:cNvPicPr>
            <a:picLocks noChangeAspect="1"/>
          </p:cNvPicPr>
          <p:nvPr/>
        </p:nvPicPr>
        <p:blipFill rotWithShape="1">
          <a:blip r:embed="rId4" cstate="hqprint">
            <a:duotone>
              <a:prstClr val="black"/>
              <a:srgbClr val="DBEBE9">
                <a:tint val="45000"/>
                <a:satMod val="400000"/>
              </a:srgb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15228"/>
          <a:stretch/>
        </p:blipFill>
        <p:spPr>
          <a:xfrm>
            <a:off x="0" y="1"/>
            <a:ext cx="12185062" cy="6885384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41339" y="693738"/>
            <a:ext cx="9731125" cy="940329"/>
          </a:xfrm>
        </p:spPr>
        <p:txBody>
          <a:bodyPr/>
          <a:lstStyle/>
          <a:p>
            <a:r>
              <a:rPr lang="da-DK" sz="3600">
                <a:solidFill>
                  <a:schemeClr val="bg1"/>
                </a:solidFill>
              </a:rPr>
              <a:t>Vi er med hele vejen </a:t>
            </a:r>
            <a:br>
              <a:rPr lang="da-DK" sz="3600">
                <a:solidFill>
                  <a:schemeClr val="bg1"/>
                </a:solidFill>
              </a:rPr>
            </a:br>
            <a:r>
              <a:rPr lang="da-DK" sz="3600">
                <a:solidFill>
                  <a:schemeClr val="bg1"/>
                </a:solidFill>
              </a:rPr>
              <a:t>-med finansieringsløsninger, </a:t>
            </a:r>
            <a:br>
              <a:rPr lang="da-DK" sz="3600">
                <a:solidFill>
                  <a:schemeClr val="bg1"/>
                </a:solidFill>
              </a:rPr>
            </a:br>
            <a:r>
              <a:rPr lang="da-DK" sz="3600">
                <a:solidFill>
                  <a:schemeClr val="bg1"/>
                </a:solidFill>
              </a:rPr>
              <a:t>der passer til dig</a:t>
            </a:r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/>
              <a:pPr/>
              <a:t>7</a:t>
            </a:fld>
            <a:endParaRPr lang="da-DK"/>
          </a:p>
        </p:txBody>
      </p:sp>
      <p:sp>
        <p:nvSpPr>
          <p:cNvPr id="45" name="Tekstfelt 44"/>
          <p:cNvSpPr txBox="1">
            <a:spLocks/>
          </p:cNvSpPr>
          <p:nvPr/>
        </p:nvSpPr>
        <p:spPr>
          <a:xfrm>
            <a:off x="8421413" y="1492589"/>
            <a:ext cx="2488420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i="1"/>
              <a:t>.</a:t>
            </a:r>
          </a:p>
          <a:p>
            <a:pPr marL="285750" indent="-285750">
              <a:buFontTx/>
              <a:buChar char="-"/>
            </a:pPr>
            <a:endParaRPr lang="da-DK" sz="1400" i="1"/>
          </a:p>
        </p:txBody>
      </p:sp>
      <p:cxnSp>
        <p:nvCxnSpPr>
          <p:cNvPr id="49" name="Lige forbindelse 48"/>
          <p:cNvCxnSpPr>
            <a:cxnSpLocks/>
          </p:cNvCxnSpPr>
          <p:nvPr/>
        </p:nvCxnSpPr>
        <p:spPr>
          <a:xfrm>
            <a:off x="-1248816" y="693738"/>
            <a:ext cx="914400" cy="9144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Ellipse 54"/>
          <p:cNvSpPr>
            <a:spLocks/>
          </p:cNvSpPr>
          <p:nvPr/>
        </p:nvSpPr>
        <p:spPr>
          <a:xfrm>
            <a:off x="3843691" y="5840261"/>
            <a:ext cx="432048" cy="420067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6" name="Tekstfelt 55"/>
          <p:cNvSpPr txBox="1">
            <a:spLocks/>
          </p:cNvSpPr>
          <p:nvPr/>
        </p:nvSpPr>
        <p:spPr>
          <a:xfrm>
            <a:off x="4348808" y="5911794"/>
            <a:ext cx="2664296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>
                <a:solidFill>
                  <a:schemeClr val="bg1"/>
                </a:solidFill>
                <a:latin typeface="+mj-lt"/>
              </a:rPr>
              <a:t>STARTUP</a:t>
            </a:r>
          </a:p>
        </p:txBody>
      </p:sp>
      <p:sp>
        <p:nvSpPr>
          <p:cNvPr id="57" name="Ellipse 56"/>
          <p:cNvSpPr>
            <a:spLocks/>
          </p:cNvSpPr>
          <p:nvPr/>
        </p:nvSpPr>
        <p:spPr>
          <a:xfrm>
            <a:off x="6584148" y="4150818"/>
            <a:ext cx="432048" cy="420067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8" name="Tekstfelt 57"/>
          <p:cNvSpPr txBox="1">
            <a:spLocks/>
          </p:cNvSpPr>
          <p:nvPr/>
        </p:nvSpPr>
        <p:spPr>
          <a:xfrm>
            <a:off x="7181226" y="4081428"/>
            <a:ext cx="2664296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>
                <a:solidFill>
                  <a:schemeClr val="bg1"/>
                </a:solidFill>
                <a:latin typeface="+mj-lt"/>
              </a:rPr>
              <a:t>VÆKST-</a:t>
            </a:r>
            <a:br>
              <a:rPr lang="da-DK">
                <a:solidFill>
                  <a:schemeClr val="bg1"/>
                </a:solidFill>
                <a:latin typeface="+mj-lt"/>
              </a:rPr>
            </a:br>
            <a:r>
              <a:rPr lang="da-DK">
                <a:solidFill>
                  <a:schemeClr val="bg1"/>
                </a:solidFill>
                <a:latin typeface="+mj-lt"/>
              </a:rPr>
              <a:t>VIRKSOMHED</a:t>
            </a:r>
          </a:p>
        </p:txBody>
      </p:sp>
      <p:sp>
        <p:nvSpPr>
          <p:cNvPr id="62" name="Ellipse 61"/>
          <p:cNvSpPr>
            <a:spLocks/>
          </p:cNvSpPr>
          <p:nvPr/>
        </p:nvSpPr>
        <p:spPr>
          <a:xfrm>
            <a:off x="9501967" y="2354031"/>
            <a:ext cx="432048" cy="420067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3" name="Tekstfelt 62"/>
          <p:cNvSpPr txBox="1">
            <a:spLocks/>
          </p:cNvSpPr>
          <p:nvPr/>
        </p:nvSpPr>
        <p:spPr>
          <a:xfrm>
            <a:off x="10056440" y="2294418"/>
            <a:ext cx="2664296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>
                <a:solidFill>
                  <a:schemeClr val="bg1"/>
                </a:solidFill>
                <a:latin typeface="+mj-lt"/>
              </a:rPr>
              <a:t>GLOBAL </a:t>
            </a:r>
            <a:br>
              <a:rPr lang="da-DK">
                <a:solidFill>
                  <a:schemeClr val="bg1"/>
                </a:solidFill>
                <a:latin typeface="+mj-lt"/>
              </a:rPr>
            </a:br>
            <a:r>
              <a:rPr lang="da-DK">
                <a:solidFill>
                  <a:schemeClr val="bg1"/>
                </a:solidFill>
                <a:latin typeface="+mj-lt"/>
              </a:rPr>
              <a:t>SKALER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3533158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41338" y="693738"/>
            <a:ext cx="8966495" cy="940329"/>
          </a:xfrm>
        </p:spPr>
        <p:txBody>
          <a:bodyPr/>
          <a:lstStyle/>
          <a:p>
            <a:r>
              <a:rPr lang="da-DK" dirty="0"/>
              <a:t>Vores finansiering afspejler </a:t>
            </a:r>
            <a:br>
              <a:rPr lang="da-DK" dirty="0"/>
            </a:br>
            <a:r>
              <a:rPr lang="da-DK" dirty="0"/>
              <a:t>virksomhedens behov</a:t>
            </a:r>
          </a:p>
        </p:txBody>
      </p:sp>
      <p:grpSp>
        <p:nvGrpSpPr>
          <p:cNvPr id="3" name="Gruppe 2"/>
          <p:cNvGrpSpPr>
            <a:grpSpLocks/>
          </p:cNvGrpSpPr>
          <p:nvPr/>
        </p:nvGrpSpPr>
        <p:grpSpPr>
          <a:xfrm>
            <a:off x="596461" y="2516178"/>
            <a:ext cx="9784095" cy="3758455"/>
            <a:chOff x="1939498" y="3301133"/>
            <a:chExt cx="8281317" cy="3326662"/>
          </a:xfrm>
        </p:grpSpPr>
        <p:cxnSp>
          <p:nvCxnSpPr>
            <p:cNvPr id="4" name="Lige forbindelse 3"/>
            <p:cNvCxnSpPr/>
            <p:nvPr/>
          </p:nvCxnSpPr>
          <p:spPr>
            <a:xfrm flipV="1">
              <a:off x="4892222" y="3301133"/>
              <a:ext cx="0" cy="2867770"/>
            </a:xfrm>
            <a:prstGeom prst="line">
              <a:avLst/>
            </a:prstGeom>
            <a:ln>
              <a:prstDash val="sysDash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grpSp>
          <p:nvGrpSpPr>
            <p:cNvPr id="5" name="Gruppe 4"/>
            <p:cNvGrpSpPr/>
            <p:nvPr/>
          </p:nvGrpSpPr>
          <p:grpSpPr>
            <a:xfrm>
              <a:off x="2380897" y="3578831"/>
              <a:ext cx="5016173" cy="1462853"/>
              <a:chOff x="1009867" y="6611152"/>
              <a:chExt cx="5016173" cy="1462853"/>
            </a:xfrm>
          </p:grpSpPr>
          <p:sp>
            <p:nvSpPr>
              <p:cNvPr id="20" name="Afrundet rektangel 19"/>
              <p:cNvSpPr/>
              <p:nvPr/>
            </p:nvSpPr>
            <p:spPr>
              <a:xfrm>
                <a:off x="1009867" y="7639598"/>
                <a:ext cx="2375748" cy="434407"/>
              </a:xfrm>
              <a:prstGeom prst="roundRect">
                <a:avLst/>
              </a:prstGeom>
              <a:solidFill>
                <a:schemeClr val="tx2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Early Engagement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Konvertibelt lån 1 - 3 mio. kr. </a:t>
                </a:r>
              </a:p>
            </p:txBody>
          </p:sp>
          <p:sp>
            <p:nvSpPr>
              <p:cNvPr id="21" name="Afrundet rektangel 20"/>
              <p:cNvSpPr/>
              <p:nvPr/>
            </p:nvSpPr>
            <p:spPr>
              <a:xfrm>
                <a:off x="1013453" y="7121111"/>
                <a:ext cx="2375748" cy="434407"/>
              </a:xfrm>
              <a:prstGeom prst="roundRect">
                <a:avLst/>
              </a:prstGeom>
              <a:solidFill>
                <a:schemeClr val="tx2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Startlån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0,4 – 1 mio. kr.</a:t>
                </a:r>
              </a:p>
            </p:txBody>
          </p:sp>
          <p:sp>
            <p:nvSpPr>
              <p:cNvPr id="22" name="Afrundet rektangel 21"/>
              <p:cNvSpPr/>
              <p:nvPr/>
            </p:nvSpPr>
            <p:spPr>
              <a:xfrm>
                <a:off x="1013453" y="6611152"/>
                <a:ext cx="5012587" cy="434407"/>
              </a:xfrm>
              <a:prstGeom prst="roundRect">
                <a:avLst/>
              </a:prstGeom>
              <a:solidFill>
                <a:schemeClr val="tx2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BA matching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Lånefacilitet til Business Angels på mellem 250.000 kr. og </a:t>
                </a:r>
                <a:r>
                  <a:rPr lang="da-DK" sz="1300" dirty="0">
                    <a:solidFill>
                      <a:schemeClr val="tx1"/>
                    </a:solidFill>
                    <a:latin typeface="+mj-lt"/>
                  </a:rPr>
                  <a:t>3,75</a:t>
                </a: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 mio. kr. </a:t>
                </a:r>
              </a:p>
            </p:txBody>
          </p:sp>
        </p:grpSp>
        <p:cxnSp>
          <p:nvCxnSpPr>
            <p:cNvPr id="6" name="Lige pilforbindelse 5"/>
            <p:cNvCxnSpPr/>
            <p:nvPr/>
          </p:nvCxnSpPr>
          <p:spPr>
            <a:xfrm flipV="1">
              <a:off x="2227927" y="3301133"/>
              <a:ext cx="0" cy="2867772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5"/>
            </a:lnRef>
            <a:fillRef idx="0">
              <a:schemeClr val="accent5"/>
            </a:fillRef>
            <a:effectRef idx="0">
              <a:schemeClr val="accent5"/>
            </a:effectRef>
            <a:fontRef idx="minor">
              <a:schemeClr val="tx1"/>
            </a:fontRef>
          </p:style>
        </p:cxnSp>
        <p:cxnSp>
          <p:nvCxnSpPr>
            <p:cNvPr id="7" name="Lige pilforbindelse 6"/>
            <p:cNvCxnSpPr/>
            <p:nvPr/>
          </p:nvCxnSpPr>
          <p:spPr>
            <a:xfrm>
              <a:off x="2227927" y="6168903"/>
              <a:ext cx="7992888" cy="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5"/>
            </a:lnRef>
            <a:fillRef idx="0">
              <a:schemeClr val="accent5"/>
            </a:fillRef>
            <a:effectRef idx="0">
              <a:schemeClr val="accent5"/>
            </a:effectRef>
            <a:fontRef idx="minor">
              <a:schemeClr val="tx1"/>
            </a:fontRef>
          </p:style>
        </p:cxnSp>
        <p:sp>
          <p:nvSpPr>
            <p:cNvPr id="8" name="Tekstfelt 7"/>
            <p:cNvSpPr txBox="1"/>
            <p:nvPr/>
          </p:nvSpPr>
          <p:spPr>
            <a:xfrm>
              <a:off x="2803991" y="6286390"/>
              <a:ext cx="1456545" cy="33371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+mj-lt"/>
                </a:rPr>
                <a:t>Pre-seed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050" b="0" i="1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+mj-lt"/>
                </a:rPr>
                <a:t>Prototype</a:t>
              </a:r>
            </a:p>
          </p:txBody>
        </p:sp>
        <p:sp>
          <p:nvSpPr>
            <p:cNvPr id="9" name="Tekstfelt 8"/>
            <p:cNvSpPr txBox="1"/>
            <p:nvPr/>
          </p:nvSpPr>
          <p:spPr>
            <a:xfrm>
              <a:off x="5430736" y="6286389"/>
              <a:ext cx="1456545" cy="33371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+mj-lt"/>
                </a:rPr>
                <a:t>Seed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050" b="0" i="1" u="none" strike="noStrike" kern="1200" cap="none" spc="0" normalizeH="0" baseline="0" noProof="0" dirty="0" err="1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+mj-lt"/>
                </a:rPr>
                <a:t>Skalering</a:t>
              </a:r>
              <a:endParaRPr kumimoji="0" lang="da-DK" sz="105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j-lt"/>
              </a:endParaRPr>
            </a:p>
          </p:txBody>
        </p:sp>
        <p:sp>
          <p:nvSpPr>
            <p:cNvPr id="10" name="Tekstfelt 9"/>
            <p:cNvSpPr txBox="1"/>
            <p:nvPr/>
          </p:nvSpPr>
          <p:spPr>
            <a:xfrm>
              <a:off x="8025592" y="6294084"/>
              <a:ext cx="1456545" cy="33371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+mj-lt"/>
                </a:rPr>
                <a:t>Expansion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050" b="0" i="1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+mj-lt"/>
                </a:rPr>
                <a:t>Vækst</a:t>
              </a:r>
            </a:p>
          </p:txBody>
        </p:sp>
        <p:cxnSp>
          <p:nvCxnSpPr>
            <p:cNvPr id="11" name="Lige forbindelse 10"/>
            <p:cNvCxnSpPr/>
            <p:nvPr/>
          </p:nvCxnSpPr>
          <p:spPr>
            <a:xfrm flipV="1">
              <a:off x="7484511" y="3301133"/>
              <a:ext cx="0" cy="2867770"/>
            </a:xfrm>
            <a:prstGeom prst="line">
              <a:avLst/>
            </a:prstGeom>
            <a:ln>
              <a:prstDash val="sysDash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sp>
          <p:nvSpPr>
            <p:cNvPr id="12" name="Tekstfelt 11"/>
            <p:cNvSpPr txBox="1"/>
            <p:nvPr/>
          </p:nvSpPr>
          <p:spPr>
            <a:xfrm rot="16200000">
              <a:off x="1044610" y="4685296"/>
              <a:ext cx="1972130" cy="18235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+mj-lt"/>
                </a:rPr>
                <a:t>Vækstfondens produkter</a:t>
              </a:r>
            </a:p>
          </p:txBody>
        </p:sp>
        <p:grpSp>
          <p:nvGrpSpPr>
            <p:cNvPr id="13" name="Gruppe 12"/>
            <p:cNvGrpSpPr/>
            <p:nvPr/>
          </p:nvGrpSpPr>
          <p:grpSpPr>
            <a:xfrm>
              <a:off x="3882222" y="3576392"/>
              <a:ext cx="6147313" cy="2496174"/>
              <a:chOff x="5115230" y="1753963"/>
              <a:chExt cx="6147313" cy="2496174"/>
            </a:xfrm>
          </p:grpSpPr>
          <p:sp>
            <p:nvSpPr>
              <p:cNvPr id="14" name="Afrundet rektangel 13"/>
              <p:cNvSpPr/>
              <p:nvPr/>
            </p:nvSpPr>
            <p:spPr>
              <a:xfrm>
                <a:off x="8794145" y="2267981"/>
                <a:ext cx="2448271" cy="434407"/>
              </a:xfrm>
              <a:prstGeom prst="roundRect">
                <a:avLst/>
              </a:prstGeom>
              <a:solidFill>
                <a:schemeClr val="tx2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Vækstlån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Minimum 1 mio. kr. </a:t>
                </a:r>
              </a:p>
            </p:txBody>
          </p:sp>
          <p:sp>
            <p:nvSpPr>
              <p:cNvPr id="15" name="Afrundet rektangel 14"/>
              <p:cNvSpPr/>
              <p:nvPr/>
            </p:nvSpPr>
            <p:spPr>
              <a:xfrm>
                <a:off x="6208980" y="2270237"/>
                <a:ext cx="2438705" cy="434407"/>
              </a:xfrm>
              <a:prstGeom prst="roundRect">
                <a:avLst/>
              </a:prstGeom>
              <a:solidFill>
                <a:schemeClr val="tx2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Vækstlån til iværksættere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Minimum 1 mio. kr. </a:t>
                </a:r>
              </a:p>
            </p:txBody>
          </p:sp>
          <p:sp>
            <p:nvSpPr>
              <p:cNvPr id="16" name="Afrundet rektangel 15"/>
              <p:cNvSpPr/>
              <p:nvPr/>
            </p:nvSpPr>
            <p:spPr>
              <a:xfrm>
                <a:off x="5115230" y="3295064"/>
                <a:ext cx="6147313" cy="434407"/>
              </a:xfrm>
              <a:prstGeom prst="roundRect">
                <a:avLst/>
              </a:prstGeom>
              <a:solidFill>
                <a:schemeClr val="tx2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Vækstkaution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Vækstfonden kautionerer for finansiering fra banken på op til 2 mio. kr. </a:t>
                </a:r>
              </a:p>
            </p:txBody>
          </p:sp>
          <p:sp>
            <p:nvSpPr>
              <p:cNvPr id="17" name="Afrundet rektangel 16"/>
              <p:cNvSpPr/>
              <p:nvPr/>
            </p:nvSpPr>
            <p:spPr>
              <a:xfrm>
                <a:off x="8794145" y="1753963"/>
                <a:ext cx="2448271" cy="434407"/>
              </a:xfrm>
              <a:prstGeom prst="roundRect">
                <a:avLst/>
              </a:prstGeom>
              <a:solidFill>
                <a:schemeClr val="tx2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Ansvarligt lån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Minimum 2 mio. kr. </a:t>
                </a:r>
              </a:p>
            </p:txBody>
          </p:sp>
          <p:sp>
            <p:nvSpPr>
              <p:cNvPr id="18" name="Afrundet rektangel 17"/>
              <p:cNvSpPr/>
              <p:nvPr/>
            </p:nvSpPr>
            <p:spPr>
              <a:xfrm>
                <a:off x="6208980" y="2784847"/>
                <a:ext cx="5044931" cy="434407"/>
              </a:xfrm>
              <a:prstGeom prst="roundRect">
                <a:avLst/>
              </a:prstGeom>
              <a:solidFill>
                <a:schemeClr val="tx2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Vækstgaranti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Supplement til bank- eller leasinggaranti – min. 1 mio. kr.</a:t>
                </a:r>
              </a:p>
            </p:txBody>
          </p:sp>
          <p:sp>
            <p:nvSpPr>
              <p:cNvPr id="19" name="Afrundet rektangel 18"/>
              <p:cNvSpPr/>
              <p:nvPr/>
            </p:nvSpPr>
            <p:spPr>
              <a:xfrm>
                <a:off x="5115230" y="3815730"/>
                <a:ext cx="6133293" cy="434407"/>
              </a:xfrm>
              <a:prstGeom prst="roundRect">
                <a:avLst/>
              </a:prstGeom>
              <a:solidFill>
                <a:schemeClr val="tx2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Venturekapital fra VF Venture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3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</a:rPr>
                  <a:t>Investering på mellem 5-25 mio. kr. </a:t>
                </a:r>
              </a:p>
            </p:txBody>
          </p:sp>
        </p:grpSp>
      </p:grpSp>
      <p:sp>
        <p:nvSpPr>
          <p:cNvPr id="23" name="Pladsholder til slidenummer 2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/>
              <a:pPr/>
              <a:t>8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66730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ladsholder til billede 6"/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3298" r="23298"/>
          <a:stretch/>
        </p:blipFill>
        <p:spPr>
          <a:xfrm>
            <a:off x="6704014" y="0"/>
            <a:ext cx="5487985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lægger vi vægt på?</a:t>
            </a:r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/>
              <a:pPr/>
              <a:t>9</a:t>
            </a:fld>
            <a:endParaRPr lang="da-DK" dirty="0"/>
          </a:p>
        </p:txBody>
      </p:sp>
      <p:sp>
        <p:nvSpPr>
          <p:cNvPr id="8" name="Tekstfelt 7"/>
          <p:cNvSpPr txBox="1">
            <a:spLocks/>
          </p:cNvSpPr>
          <p:nvPr/>
        </p:nvSpPr>
        <p:spPr>
          <a:xfrm>
            <a:off x="1436687" y="2061388"/>
            <a:ext cx="3051135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b="1" dirty="0">
                <a:latin typeface="+mj-lt"/>
                <a:ea typeface="VF Museo For Office" charset="0"/>
                <a:cs typeface="VF Museo For Office" charset="0"/>
              </a:rPr>
              <a:t>Kompetent ledelse og bestyrelse</a:t>
            </a:r>
            <a:endParaRPr lang="da-DK" dirty="0">
              <a:latin typeface="+mj-lt"/>
              <a:ea typeface="VF Museo For Office" charset="0"/>
              <a:cs typeface="VF Museo For Office" charset="0"/>
            </a:endParaRPr>
          </a:p>
        </p:txBody>
      </p:sp>
      <p:sp>
        <p:nvSpPr>
          <p:cNvPr id="9" name="Rektangel 8"/>
          <p:cNvSpPr>
            <a:spLocks/>
          </p:cNvSpPr>
          <p:nvPr/>
        </p:nvSpPr>
        <p:spPr>
          <a:xfrm>
            <a:off x="1359636" y="3167733"/>
            <a:ext cx="302286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b="1" dirty="0">
                <a:latin typeface="+mj-lt"/>
                <a:ea typeface="VF Museo For Office" charset="0"/>
                <a:cs typeface="VF Museo For Office" charset="0"/>
              </a:rPr>
              <a:t>En realistisk forretningsplan</a:t>
            </a:r>
            <a:endParaRPr lang="da-DK" dirty="0">
              <a:latin typeface="+mj-lt"/>
              <a:ea typeface="VF Museo For Office" charset="0"/>
              <a:cs typeface="VF Museo For Office" charset="0"/>
            </a:endParaRPr>
          </a:p>
        </p:txBody>
      </p:sp>
      <p:sp>
        <p:nvSpPr>
          <p:cNvPr id="10" name="Tekstfelt 9"/>
          <p:cNvSpPr txBox="1">
            <a:spLocks/>
          </p:cNvSpPr>
          <p:nvPr/>
        </p:nvSpPr>
        <p:spPr>
          <a:xfrm>
            <a:off x="1436687" y="4367453"/>
            <a:ext cx="3437289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b="1" dirty="0">
                <a:latin typeface="+mj-lt"/>
                <a:ea typeface="VF Museo For Office" charset="0"/>
                <a:cs typeface="VF Museo For Office" charset="0"/>
              </a:rPr>
              <a:t>Et gennemarbejdet budgetgrundlag</a:t>
            </a:r>
            <a:endParaRPr lang="da-DK" dirty="0">
              <a:latin typeface="+mj-lt"/>
              <a:ea typeface="VF Museo For Office" charset="0"/>
              <a:cs typeface="VF Museo For Office" charset="0"/>
            </a:endParaRPr>
          </a:p>
        </p:txBody>
      </p:sp>
      <p:sp>
        <p:nvSpPr>
          <p:cNvPr id="11" name="Tekstfelt 10"/>
          <p:cNvSpPr txBox="1">
            <a:spLocks/>
          </p:cNvSpPr>
          <p:nvPr/>
        </p:nvSpPr>
        <p:spPr>
          <a:xfrm>
            <a:off x="1436687" y="5669304"/>
            <a:ext cx="3437289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b="1" dirty="0">
                <a:latin typeface="+mj-lt"/>
                <a:ea typeface="VF Museo For Office" charset="0"/>
                <a:cs typeface="VF Museo For Office" charset="0"/>
              </a:rPr>
              <a:t>CSR-politik</a:t>
            </a:r>
            <a:endParaRPr lang="da-DK" dirty="0">
              <a:latin typeface="+mj-lt"/>
              <a:ea typeface="VF Museo For Office" charset="0"/>
              <a:cs typeface="VF Museo For Office" charset="0"/>
            </a:endParaRPr>
          </a:p>
        </p:txBody>
      </p:sp>
      <p:grpSp>
        <p:nvGrpSpPr>
          <p:cNvPr id="12" name="Gruppe 11"/>
          <p:cNvGrpSpPr>
            <a:grpSpLocks/>
          </p:cNvGrpSpPr>
          <p:nvPr/>
        </p:nvGrpSpPr>
        <p:grpSpPr>
          <a:xfrm>
            <a:off x="561975" y="1952624"/>
            <a:ext cx="719138" cy="720725"/>
            <a:chOff x="564356" y="1927225"/>
            <a:chExt cx="719138" cy="720725"/>
          </a:xfrm>
        </p:grpSpPr>
        <p:sp>
          <p:nvSpPr>
            <p:cNvPr id="13" name="Freeform 15"/>
            <p:cNvSpPr>
              <a:spLocks/>
            </p:cNvSpPr>
            <p:nvPr/>
          </p:nvSpPr>
          <p:spPr bwMode="auto">
            <a:xfrm>
              <a:off x="564356" y="1927225"/>
              <a:ext cx="719138" cy="720725"/>
            </a:xfrm>
            <a:custGeom>
              <a:avLst/>
              <a:gdLst>
                <a:gd name="T0" fmla="*/ 10850 w 10872"/>
                <a:gd name="T1" fmla="*/ 5936 h 10896"/>
                <a:gd name="T2" fmla="*/ 10761 w 10872"/>
                <a:gd name="T3" fmla="*/ 6546 h 10896"/>
                <a:gd name="T4" fmla="*/ 10607 w 10872"/>
                <a:gd name="T5" fmla="*/ 7132 h 10896"/>
                <a:gd name="T6" fmla="*/ 10392 w 10872"/>
                <a:gd name="T7" fmla="*/ 7690 h 10896"/>
                <a:gd name="T8" fmla="*/ 10119 w 10872"/>
                <a:gd name="T9" fmla="*/ 8216 h 10896"/>
                <a:gd name="T10" fmla="*/ 9792 w 10872"/>
                <a:gd name="T11" fmla="*/ 8708 h 10896"/>
                <a:gd name="T12" fmla="*/ 9416 w 10872"/>
                <a:gd name="T13" fmla="*/ 9159 h 10896"/>
                <a:gd name="T14" fmla="*/ 8993 w 10872"/>
                <a:gd name="T15" fmla="*/ 9567 h 10896"/>
                <a:gd name="T16" fmla="*/ 8529 w 10872"/>
                <a:gd name="T17" fmla="*/ 9928 h 10896"/>
                <a:gd name="T18" fmla="*/ 8027 w 10872"/>
                <a:gd name="T19" fmla="*/ 10238 h 10896"/>
                <a:gd name="T20" fmla="*/ 7490 w 10872"/>
                <a:gd name="T21" fmla="*/ 10493 h 10896"/>
                <a:gd name="T22" fmla="*/ 6924 w 10872"/>
                <a:gd name="T23" fmla="*/ 10689 h 10896"/>
                <a:gd name="T24" fmla="*/ 6331 w 10872"/>
                <a:gd name="T25" fmla="*/ 10822 h 10896"/>
                <a:gd name="T26" fmla="*/ 5716 w 10872"/>
                <a:gd name="T27" fmla="*/ 10889 h 10896"/>
                <a:gd name="T28" fmla="*/ 5156 w 10872"/>
                <a:gd name="T29" fmla="*/ 10889 h 10896"/>
                <a:gd name="T30" fmla="*/ 4541 w 10872"/>
                <a:gd name="T31" fmla="*/ 10822 h 10896"/>
                <a:gd name="T32" fmla="*/ 3948 w 10872"/>
                <a:gd name="T33" fmla="*/ 10689 h 10896"/>
                <a:gd name="T34" fmla="*/ 3382 w 10872"/>
                <a:gd name="T35" fmla="*/ 10493 h 10896"/>
                <a:gd name="T36" fmla="*/ 2845 w 10872"/>
                <a:gd name="T37" fmla="*/ 10238 h 10896"/>
                <a:gd name="T38" fmla="*/ 2343 w 10872"/>
                <a:gd name="T39" fmla="*/ 9928 h 10896"/>
                <a:gd name="T40" fmla="*/ 1879 w 10872"/>
                <a:gd name="T41" fmla="*/ 9567 h 10896"/>
                <a:gd name="T42" fmla="*/ 1456 w 10872"/>
                <a:gd name="T43" fmla="*/ 9159 h 10896"/>
                <a:gd name="T44" fmla="*/ 1080 w 10872"/>
                <a:gd name="T45" fmla="*/ 8708 h 10896"/>
                <a:gd name="T46" fmla="*/ 753 w 10872"/>
                <a:gd name="T47" fmla="*/ 8216 h 10896"/>
                <a:gd name="T48" fmla="*/ 480 w 10872"/>
                <a:gd name="T49" fmla="*/ 7690 h 10896"/>
                <a:gd name="T50" fmla="*/ 265 w 10872"/>
                <a:gd name="T51" fmla="*/ 7132 h 10896"/>
                <a:gd name="T52" fmla="*/ 111 w 10872"/>
                <a:gd name="T53" fmla="*/ 6546 h 10896"/>
                <a:gd name="T54" fmla="*/ 22 w 10872"/>
                <a:gd name="T55" fmla="*/ 5936 h 10896"/>
                <a:gd name="T56" fmla="*/ 0 w 10872"/>
                <a:gd name="T57" fmla="*/ 5377 h 10896"/>
                <a:gd name="T58" fmla="*/ 44 w 10872"/>
                <a:gd name="T59" fmla="*/ 4754 h 10896"/>
                <a:gd name="T60" fmla="*/ 155 w 10872"/>
                <a:gd name="T61" fmla="*/ 4152 h 10896"/>
                <a:gd name="T62" fmla="*/ 330 w 10872"/>
                <a:gd name="T63" fmla="*/ 3574 h 10896"/>
                <a:gd name="T64" fmla="*/ 565 w 10872"/>
                <a:gd name="T65" fmla="*/ 3026 h 10896"/>
                <a:gd name="T66" fmla="*/ 856 w 10872"/>
                <a:gd name="T67" fmla="*/ 2511 h 10896"/>
                <a:gd name="T68" fmla="*/ 1200 w 10872"/>
                <a:gd name="T69" fmla="*/ 2033 h 10896"/>
                <a:gd name="T70" fmla="*/ 1592 w 10872"/>
                <a:gd name="T71" fmla="*/ 1595 h 10896"/>
                <a:gd name="T72" fmla="*/ 2029 w 10872"/>
                <a:gd name="T73" fmla="*/ 1203 h 10896"/>
                <a:gd name="T74" fmla="*/ 2506 w 10872"/>
                <a:gd name="T75" fmla="*/ 858 h 10896"/>
                <a:gd name="T76" fmla="*/ 3021 w 10872"/>
                <a:gd name="T77" fmla="*/ 565 h 10896"/>
                <a:gd name="T78" fmla="*/ 3567 w 10872"/>
                <a:gd name="T79" fmla="*/ 330 h 10896"/>
                <a:gd name="T80" fmla="*/ 4143 w 10872"/>
                <a:gd name="T81" fmla="*/ 154 h 10896"/>
                <a:gd name="T82" fmla="*/ 4744 w 10872"/>
                <a:gd name="T83" fmla="*/ 43 h 10896"/>
                <a:gd name="T84" fmla="*/ 5365 w 10872"/>
                <a:gd name="T85" fmla="*/ 0 h 10896"/>
                <a:gd name="T86" fmla="*/ 5923 w 10872"/>
                <a:gd name="T87" fmla="*/ 22 h 10896"/>
                <a:gd name="T88" fmla="*/ 6531 w 10872"/>
                <a:gd name="T89" fmla="*/ 110 h 10896"/>
                <a:gd name="T90" fmla="*/ 7116 w 10872"/>
                <a:gd name="T91" fmla="*/ 265 h 10896"/>
                <a:gd name="T92" fmla="*/ 7673 w 10872"/>
                <a:gd name="T93" fmla="*/ 481 h 10896"/>
                <a:gd name="T94" fmla="*/ 8198 w 10872"/>
                <a:gd name="T95" fmla="*/ 754 h 10896"/>
                <a:gd name="T96" fmla="*/ 8688 w 10872"/>
                <a:gd name="T97" fmla="*/ 1081 h 10896"/>
                <a:gd name="T98" fmla="*/ 9139 w 10872"/>
                <a:gd name="T99" fmla="*/ 1459 h 10896"/>
                <a:gd name="T100" fmla="*/ 9547 w 10872"/>
                <a:gd name="T101" fmla="*/ 1882 h 10896"/>
                <a:gd name="T102" fmla="*/ 9907 w 10872"/>
                <a:gd name="T103" fmla="*/ 2348 h 10896"/>
                <a:gd name="T104" fmla="*/ 10216 w 10872"/>
                <a:gd name="T105" fmla="*/ 2850 h 10896"/>
                <a:gd name="T106" fmla="*/ 10470 w 10872"/>
                <a:gd name="T107" fmla="*/ 3388 h 10896"/>
                <a:gd name="T108" fmla="*/ 10666 w 10872"/>
                <a:gd name="T109" fmla="*/ 3956 h 10896"/>
                <a:gd name="T110" fmla="*/ 10798 w 10872"/>
                <a:gd name="T111" fmla="*/ 4551 h 10896"/>
                <a:gd name="T112" fmla="*/ 10865 w 10872"/>
                <a:gd name="T113" fmla="*/ 5167 h 108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10872" h="10896">
                  <a:moveTo>
                    <a:pt x="10872" y="5448"/>
                  </a:moveTo>
                  <a:lnTo>
                    <a:pt x="10872" y="5448"/>
                  </a:lnTo>
                  <a:lnTo>
                    <a:pt x="10872" y="5518"/>
                  </a:lnTo>
                  <a:lnTo>
                    <a:pt x="10870" y="5588"/>
                  </a:lnTo>
                  <a:lnTo>
                    <a:pt x="10868" y="5658"/>
                  </a:lnTo>
                  <a:lnTo>
                    <a:pt x="10865" y="5728"/>
                  </a:lnTo>
                  <a:lnTo>
                    <a:pt x="10861" y="5797"/>
                  </a:lnTo>
                  <a:lnTo>
                    <a:pt x="10857" y="5866"/>
                  </a:lnTo>
                  <a:lnTo>
                    <a:pt x="10850" y="5936"/>
                  </a:lnTo>
                  <a:lnTo>
                    <a:pt x="10844" y="6004"/>
                  </a:lnTo>
                  <a:lnTo>
                    <a:pt x="10836" y="6073"/>
                  </a:lnTo>
                  <a:lnTo>
                    <a:pt x="10828" y="6142"/>
                  </a:lnTo>
                  <a:lnTo>
                    <a:pt x="10820" y="6210"/>
                  </a:lnTo>
                  <a:lnTo>
                    <a:pt x="10809" y="6278"/>
                  </a:lnTo>
                  <a:lnTo>
                    <a:pt x="10798" y="6344"/>
                  </a:lnTo>
                  <a:lnTo>
                    <a:pt x="10787" y="6412"/>
                  </a:lnTo>
                  <a:lnTo>
                    <a:pt x="10775" y="6479"/>
                  </a:lnTo>
                  <a:lnTo>
                    <a:pt x="10761" y="6546"/>
                  </a:lnTo>
                  <a:lnTo>
                    <a:pt x="10748" y="6612"/>
                  </a:lnTo>
                  <a:lnTo>
                    <a:pt x="10733" y="6677"/>
                  </a:lnTo>
                  <a:lnTo>
                    <a:pt x="10717" y="6743"/>
                  </a:lnTo>
                  <a:lnTo>
                    <a:pt x="10701" y="6809"/>
                  </a:lnTo>
                  <a:lnTo>
                    <a:pt x="10683" y="6874"/>
                  </a:lnTo>
                  <a:lnTo>
                    <a:pt x="10666" y="6938"/>
                  </a:lnTo>
                  <a:lnTo>
                    <a:pt x="10647" y="7003"/>
                  </a:lnTo>
                  <a:lnTo>
                    <a:pt x="10628" y="7068"/>
                  </a:lnTo>
                  <a:lnTo>
                    <a:pt x="10607" y="7132"/>
                  </a:lnTo>
                  <a:lnTo>
                    <a:pt x="10587" y="7194"/>
                  </a:lnTo>
                  <a:lnTo>
                    <a:pt x="10564" y="7258"/>
                  </a:lnTo>
                  <a:lnTo>
                    <a:pt x="10542" y="7321"/>
                  </a:lnTo>
                  <a:lnTo>
                    <a:pt x="10519" y="7384"/>
                  </a:lnTo>
                  <a:lnTo>
                    <a:pt x="10495" y="7445"/>
                  </a:lnTo>
                  <a:lnTo>
                    <a:pt x="10470" y="7507"/>
                  </a:lnTo>
                  <a:lnTo>
                    <a:pt x="10445" y="7569"/>
                  </a:lnTo>
                  <a:lnTo>
                    <a:pt x="10419" y="7629"/>
                  </a:lnTo>
                  <a:lnTo>
                    <a:pt x="10392" y="7690"/>
                  </a:lnTo>
                  <a:lnTo>
                    <a:pt x="10364" y="7750"/>
                  </a:lnTo>
                  <a:lnTo>
                    <a:pt x="10336" y="7809"/>
                  </a:lnTo>
                  <a:lnTo>
                    <a:pt x="10307" y="7869"/>
                  </a:lnTo>
                  <a:lnTo>
                    <a:pt x="10277" y="7927"/>
                  </a:lnTo>
                  <a:lnTo>
                    <a:pt x="10247" y="7986"/>
                  </a:lnTo>
                  <a:lnTo>
                    <a:pt x="10216" y="8045"/>
                  </a:lnTo>
                  <a:lnTo>
                    <a:pt x="10184" y="8102"/>
                  </a:lnTo>
                  <a:lnTo>
                    <a:pt x="10152" y="8160"/>
                  </a:lnTo>
                  <a:lnTo>
                    <a:pt x="10119" y="8216"/>
                  </a:lnTo>
                  <a:lnTo>
                    <a:pt x="10085" y="8273"/>
                  </a:lnTo>
                  <a:lnTo>
                    <a:pt x="10050" y="8328"/>
                  </a:lnTo>
                  <a:lnTo>
                    <a:pt x="10016" y="8384"/>
                  </a:lnTo>
                  <a:lnTo>
                    <a:pt x="9980" y="8439"/>
                  </a:lnTo>
                  <a:lnTo>
                    <a:pt x="9944" y="8494"/>
                  </a:lnTo>
                  <a:lnTo>
                    <a:pt x="9907" y="8547"/>
                  </a:lnTo>
                  <a:lnTo>
                    <a:pt x="9869" y="8602"/>
                  </a:lnTo>
                  <a:lnTo>
                    <a:pt x="9831" y="8654"/>
                  </a:lnTo>
                  <a:lnTo>
                    <a:pt x="9792" y="8708"/>
                  </a:lnTo>
                  <a:lnTo>
                    <a:pt x="9753" y="8759"/>
                  </a:lnTo>
                  <a:lnTo>
                    <a:pt x="9713" y="8811"/>
                  </a:lnTo>
                  <a:lnTo>
                    <a:pt x="9672" y="8863"/>
                  </a:lnTo>
                  <a:lnTo>
                    <a:pt x="9631" y="8913"/>
                  </a:lnTo>
                  <a:lnTo>
                    <a:pt x="9589" y="8964"/>
                  </a:lnTo>
                  <a:lnTo>
                    <a:pt x="9547" y="9013"/>
                  </a:lnTo>
                  <a:lnTo>
                    <a:pt x="9504" y="9062"/>
                  </a:lnTo>
                  <a:lnTo>
                    <a:pt x="9460" y="9110"/>
                  </a:lnTo>
                  <a:lnTo>
                    <a:pt x="9416" y="9159"/>
                  </a:lnTo>
                  <a:lnTo>
                    <a:pt x="9371" y="9206"/>
                  </a:lnTo>
                  <a:lnTo>
                    <a:pt x="9325" y="9253"/>
                  </a:lnTo>
                  <a:lnTo>
                    <a:pt x="9280" y="9300"/>
                  </a:lnTo>
                  <a:lnTo>
                    <a:pt x="9233" y="9346"/>
                  </a:lnTo>
                  <a:lnTo>
                    <a:pt x="9187" y="9391"/>
                  </a:lnTo>
                  <a:lnTo>
                    <a:pt x="9139" y="9436"/>
                  </a:lnTo>
                  <a:lnTo>
                    <a:pt x="9091" y="9481"/>
                  </a:lnTo>
                  <a:lnTo>
                    <a:pt x="9042" y="9524"/>
                  </a:lnTo>
                  <a:lnTo>
                    <a:pt x="8993" y="9567"/>
                  </a:lnTo>
                  <a:lnTo>
                    <a:pt x="8944" y="9610"/>
                  </a:lnTo>
                  <a:lnTo>
                    <a:pt x="8894" y="9651"/>
                  </a:lnTo>
                  <a:lnTo>
                    <a:pt x="8843" y="9693"/>
                  </a:lnTo>
                  <a:lnTo>
                    <a:pt x="8792" y="9733"/>
                  </a:lnTo>
                  <a:lnTo>
                    <a:pt x="8741" y="9774"/>
                  </a:lnTo>
                  <a:lnTo>
                    <a:pt x="8688" y="9814"/>
                  </a:lnTo>
                  <a:lnTo>
                    <a:pt x="8636" y="9852"/>
                  </a:lnTo>
                  <a:lnTo>
                    <a:pt x="8583" y="9891"/>
                  </a:lnTo>
                  <a:lnTo>
                    <a:pt x="8529" y="9928"/>
                  </a:lnTo>
                  <a:lnTo>
                    <a:pt x="8475" y="9965"/>
                  </a:lnTo>
                  <a:lnTo>
                    <a:pt x="8421" y="10002"/>
                  </a:lnTo>
                  <a:lnTo>
                    <a:pt x="8366" y="10038"/>
                  </a:lnTo>
                  <a:lnTo>
                    <a:pt x="8311" y="10073"/>
                  </a:lnTo>
                  <a:lnTo>
                    <a:pt x="8255" y="10107"/>
                  </a:lnTo>
                  <a:lnTo>
                    <a:pt x="8198" y="10140"/>
                  </a:lnTo>
                  <a:lnTo>
                    <a:pt x="8142" y="10173"/>
                  </a:lnTo>
                  <a:lnTo>
                    <a:pt x="8084" y="10206"/>
                  </a:lnTo>
                  <a:lnTo>
                    <a:pt x="8027" y="10238"/>
                  </a:lnTo>
                  <a:lnTo>
                    <a:pt x="7969" y="10269"/>
                  </a:lnTo>
                  <a:lnTo>
                    <a:pt x="7911" y="10300"/>
                  </a:lnTo>
                  <a:lnTo>
                    <a:pt x="7851" y="10330"/>
                  </a:lnTo>
                  <a:lnTo>
                    <a:pt x="7793" y="10358"/>
                  </a:lnTo>
                  <a:lnTo>
                    <a:pt x="7733" y="10386"/>
                  </a:lnTo>
                  <a:lnTo>
                    <a:pt x="7673" y="10414"/>
                  </a:lnTo>
                  <a:lnTo>
                    <a:pt x="7612" y="10442"/>
                  </a:lnTo>
                  <a:lnTo>
                    <a:pt x="7552" y="10467"/>
                  </a:lnTo>
                  <a:lnTo>
                    <a:pt x="7490" y="10493"/>
                  </a:lnTo>
                  <a:lnTo>
                    <a:pt x="7429" y="10518"/>
                  </a:lnTo>
                  <a:lnTo>
                    <a:pt x="7367" y="10541"/>
                  </a:lnTo>
                  <a:lnTo>
                    <a:pt x="7305" y="10565"/>
                  </a:lnTo>
                  <a:lnTo>
                    <a:pt x="7242" y="10588"/>
                  </a:lnTo>
                  <a:lnTo>
                    <a:pt x="7180" y="10609"/>
                  </a:lnTo>
                  <a:lnTo>
                    <a:pt x="7116" y="10631"/>
                  </a:lnTo>
                  <a:lnTo>
                    <a:pt x="7052" y="10650"/>
                  </a:lnTo>
                  <a:lnTo>
                    <a:pt x="6989" y="10670"/>
                  </a:lnTo>
                  <a:lnTo>
                    <a:pt x="6924" y="10689"/>
                  </a:lnTo>
                  <a:lnTo>
                    <a:pt x="6860" y="10707"/>
                  </a:lnTo>
                  <a:lnTo>
                    <a:pt x="6795" y="10724"/>
                  </a:lnTo>
                  <a:lnTo>
                    <a:pt x="6729" y="10741"/>
                  </a:lnTo>
                  <a:lnTo>
                    <a:pt x="6664" y="10756"/>
                  </a:lnTo>
                  <a:lnTo>
                    <a:pt x="6598" y="10771"/>
                  </a:lnTo>
                  <a:lnTo>
                    <a:pt x="6531" y="10785"/>
                  </a:lnTo>
                  <a:lnTo>
                    <a:pt x="6465" y="10798"/>
                  </a:lnTo>
                  <a:lnTo>
                    <a:pt x="6398" y="10811"/>
                  </a:lnTo>
                  <a:lnTo>
                    <a:pt x="6331" y="10822"/>
                  </a:lnTo>
                  <a:lnTo>
                    <a:pt x="6264" y="10832"/>
                  </a:lnTo>
                  <a:lnTo>
                    <a:pt x="6196" y="10843"/>
                  </a:lnTo>
                  <a:lnTo>
                    <a:pt x="6128" y="10852"/>
                  </a:lnTo>
                  <a:lnTo>
                    <a:pt x="6061" y="10860"/>
                  </a:lnTo>
                  <a:lnTo>
                    <a:pt x="5992" y="10867"/>
                  </a:lnTo>
                  <a:lnTo>
                    <a:pt x="5923" y="10874"/>
                  </a:lnTo>
                  <a:lnTo>
                    <a:pt x="5854" y="10880"/>
                  </a:lnTo>
                  <a:lnTo>
                    <a:pt x="5785" y="10885"/>
                  </a:lnTo>
                  <a:lnTo>
                    <a:pt x="5716" y="10889"/>
                  </a:lnTo>
                  <a:lnTo>
                    <a:pt x="5646" y="10892"/>
                  </a:lnTo>
                  <a:lnTo>
                    <a:pt x="5577" y="10894"/>
                  </a:lnTo>
                  <a:lnTo>
                    <a:pt x="5507" y="10895"/>
                  </a:lnTo>
                  <a:lnTo>
                    <a:pt x="5436" y="10896"/>
                  </a:lnTo>
                  <a:lnTo>
                    <a:pt x="5436" y="10896"/>
                  </a:lnTo>
                  <a:lnTo>
                    <a:pt x="5365" y="10895"/>
                  </a:lnTo>
                  <a:lnTo>
                    <a:pt x="5295" y="10894"/>
                  </a:lnTo>
                  <a:lnTo>
                    <a:pt x="5226" y="10892"/>
                  </a:lnTo>
                  <a:lnTo>
                    <a:pt x="5156" y="10889"/>
                  </a:lnTo>
                  <a:lnTo>
                    <a:pt x="5087" y="10885"/>
                  </a:lnTo>
                  <a:lnTo>
                    <a:pt x="5018" y="10880"/>
                  </a:lnTo>
                  <a:lnTo>
                    <a:pt x="4949" y="10874"/>
                  </a:lnTo>
                  <a:lnTo>
                    <a:pt x="4880" y="10867"/>
                  </a:lnTo>
                  <a:lnTo>
                    <a:pt x="4811" y="10860"/>
                  </a:lnTo>
                  <a:lnTo>
                    <a:pt x="4744" y="10852"/>
                  </a:lnTo>
                  <a:lnTo>
                    <a:pt x="4676" y="10843"/>
                  </a:lnTo>
                  <a:lnTo>
                    <a:pt x="4608" y="10832"/>
                  </a:lnTo>
                  <a:lnTo>
                    <a:pt x="4541" y="10822"/>
                  </a:lnTo>
                  <a:lnTo>
                    <a:pt x="4474" y="10811"/>
                  </a:lnTo>
                  <a:lnTo>
                    <a:pt x="4407" y="10798"/>
                  </a:lnTo>
                  <a:lnTo>
                    <a:pt x="4341" y="10785"/>
                  </a:lnTo>
                  <a:lnTo>
                    <a:pt x="4274" y="10771"/>
                  </a:lnTo>
                  <a:lnTo>
                    <a:pt x="4208" y="10756"/>
                  </a:lnTo>
                  <a:lnTo>
                    <a:pt x="4143" y="10741"/>
                  </a:lnTo>
                  <a:lnTo>
                    <a:pt x="4077" y="10724"/>
                  </a:lnTo>
                  <a:lnTo>
                    <a:pt x="4012" y="10707"/>
                  </a:lnTo>
                  <a:lnTo>
                    <a:pt x="3948" y="10689"/>
                  </a:lnTo>
                  <a:lnTo>
                    <a:pt x="3883" y="10670"/>
                  </a:lnTo>
                  <a:lnTo>
                    <a:pt x="3820" y="10650"/>
                  </a:lnTo>
                  <a:lnTo>
                    <a:pt x="3756" y="10631"/>
                  </a:lnTo>
                  <a:lnTo>
                    <a:pt x="3692" y="10609"/>
                  </a:lnTo>
                  <a:lnTo>
                    <a:pt x="3630" y="10588"/>
                  </a:lnTo>
                  <a:lnTo>
                    <a:pt x="3567" y="10565"/>
                  </a:lnTo>
                  <a:lnTo>
                    <a:pt x="3505" y="10541"/>
                  </a:lnTo>
                  <a:lnTo>
                    <a:pt x="3443" y="10518"/>
                  </a:lnTo>
                  <a:lnTo>
                    <a:pt x="3382" y="10493"/>
                  </a:lnTo>
                  <a:lnTo>
                    <a:pt x="3320" y="10467"/>
                  </a:lnTo>
                  <a:lnTo>
                    <a:pt x="3260" y="10442"/>
                  </a:lnTo>
                  <a:lnTo>
                    <a:pt x="3199" y="10414"/>
                  </a:lnTo>
                  <a:lnTo>
                    <a:pt x="3139" y="10386"/>
                  </a:lnTo>
                  <a:lnTo>
                    <a:pt x="3079" y="10358"/>
                  </a:lnTo>
                  <a:lnTo>
                    <a:pt x="3021" y="10330"/>
                  </a:lnTo>
                  <a:lnTo>
                    <a:pt x="2961" y="10300"/>
                  </a:lnTo>
                  <a:lnTo>
                    <a:pt x="2903" y="10269"/>
                  </a:lnTo>
                  <a:lnTo>
                    <a:pt x="2845" y="10238"/>
                  </a:lnTo>
                  <a:lnTo>
                    <a:pt x="2788" y="10206"/>
                  </a:lnTo>
                  <a:lnTo>
                    <a:pt x="2730" y="10173"/>
                  </a:lnTo>
                  <a:lnTo>
                    <a:pt x="2674" y="10140"/>
                  </a:lnTo>
                  <a:lnTo>
                    <a:pt x="2617" y="10107"/>
                  </a:lnTo>
                  <a:lnTo>
                    <a:pt x="2561" y="10073"/>
                  </a:lnTo>
                  <a:lnTo>
                    <a:pt x="2506" y="10038"/>
                  </a:lnTo>
                  <a:lnTo>
                    <a:pt x="2451" y="10002"/>
                  </a:lnTo>
                  <a:lnTo>
                    <a:pt x="2397" y="9965"/>
                  </a:lnTo>
                  <a:lnTo>
                    <a:pt x="2343" y="9928"/>
                  </a:lnTo>
                  <a:lnTo>
                    <a:pt x="2289" y="9891"/>
                  </a:lnTo>
                  <a:lnTo>
                    <a:pt x="2236" y="9852"/>
                  </a:lnTo>
                  <a:lnTo>
                    <a:pt x="2184" y="9814"/>
                  </a:lnTo>
                  <a:lnTo>
                    <a:pt x="2131" y="9774"/>
                  </a:lnTo>
                  <a:lnTo>
                    <a:pt x="2080" y="9733"/>
                  </a:lnTo>
                  <a:lnTo>
                    <a:pt x="2029" y="9693"/>
                  </a:lnTo>
                  <a:lnTo>
                    <a:pt x="1978" y="9651"/>
                  </a:lnTo>
                  <a:lnTo>
                    <a:pt x="1928" y="9610"/>
                  </a:lnTo>
                  <a:lnTo>
                    <a:pt x="1879" y="9567"/>
                  </a:lnTo>
                  <a:lnTo>
                    <a:pt x="1830" y="9524"/>
                  </a:lnTo>
                  <a:lnTo>
                    <a:pt x="1781" y="9481"/>
                  </a:lnTo>
                  <a:lnTo>
                    <a:pt x="1733" y="9436"/>
                  </a:lnTo>
                  <a:lnTo>
                    <a:pt x="1685" y="9391"/>
                  </a:lnTo>
                  <a:lnTo>
                    <a:pt x="1639" y="9346"/>
                  </a:lnTo>
                  <a:lnTo>
                    <a:pt x="1592" y="9300"/>
                  </a:lnTo>
                  <a:lnTo>
                    <a:pt x="1547" y="9253"/>
                  </a:lnTo>
                  <a:lnTo>
                    <a:pt x="1501" y="9206"/>
                  </a:lnTo>
                  <a:lnTo>
                    <a:pt x="1456" y="9159"/>
                  </a:lnTo>
                  <a:lnTo>
                    <a:pt x="1412" y="9110"/>
                  </a:lnTo>
                  <a:lnTo>
                    <a:pt x="1368" y="9062"/>
                  </a:lnTo>
                  <a:lnTo>
                    <a:pt x="1325" y="9013"/>
                  </a:lnTo>
                  <a:lnTo>
                    <a:pt x="1283" y="8964"/>
                  </a:lnTo>
                  <a:lnTo>
                    <a:pt x="1241" y="8913"/>
                  </a:lnTo>
                  <a:lnTo>
                    <a:pt x="1200" y="8863"/>
                  </a:lnTo>
                  <a:lnTo>
                    <a:pt x="1159" y="8811"/>
                  </a:lnTo>
                  <a:lnTo>
                    <a:pt x="1119" y="8759"/>
                  </a:lnTo>
                  <a:lnTo>
                    <a:pt x="1080" y="8708"/>
                  </a:lnTo>
                  <a:lnTo>
                    <a:pt x="1041" y="8654"/>
                  </a:lnTo>
                  <a:lnTo>
                    <a:pt x="1003" y="8602"/>
                  </a:lnTo>
                  <a:lnTo>
                    <a:pt x="965" y="8547"/>
                  </a:lnTo>
                  <a:lnTo>
                    <a:pt x="928" y="8494"/>
                  </a:lnTo>
                  <a:lnTo>
                    <a:pt x="892" y="8439"/>
                  </a:lnTo>
                  <a:lnTo>
                    <a:pt x="856" y="8384"/>
                  </a:lnTo>
                  <a:lnTo>
                    <a:pt x="822" y="8328"/>
                  </a:lnTo>
                  <a:lnTo>
                    <a:pt x="787" y="8273"/>
                  </a:lnTo>
                  <a:lnTo>
                    <a:pt x="753" y="8216"/>
                  </a:lnTo>
                  <a:lnTo>
                    <a:pt x="720" y="8160"/>
                  </a:lnTo>
                  <a:lnTo>
                    <a:pt x="688" y="8102"/>
                  </a:lnTo>
                  <a:lnTo>
                    <a:pt x="656" y="8045"/>
                  </a:lnTo>
                  <a:lnTo>
                    <a:pt x="625" y="7986"/>
                  </a:lnTo>
                  <a:lnTo>
                    <a:pt x="595" y="7927"/>
                  </a:lnTo>
                  <a:lnTo>
                    <a:pt x="565" y="7869"/>
                  </a:lnTo>
                  <a:lnTo>
                    <a:pt x="536" y="7809"/>
                  </a:lnTo>
                  <a:lnTo>
                    <a:pt x="508" y="7750"/>
                  </a:lnTo>
                  <a:lnTo>
                    <a:pt x="480" y="7690"/>
                  </a:lnTo>
                  <a:lnTo>
                    <a:pt x="453" y="7629"/>
                  </a:lnTo>
                  <a:lnTo>
                    <a:pt x="428" y="7569"/>
                  </a:lnTo>
                  <a:lnTo>
                    <a:pt x="402" y="7507"/>
                  </a:lnTo>
                  <a:lnTo>
                    <a:pt x="377" y="7445"/>
                  </a:lnTo>
                  <a:lnTo>
                    <a:pt x="353" y="7384"/>
                  </a:lnTo>
                  <a:lnTo>
                    <a:pt x="330" y="7321"/>
                  </a:lnTo>
                  <a:lnTo>
                    <a:pt x="308" y="7258"/>
                  </a:lnTo>
                  <a:lnTo>
                    <a:pt x="285" y="7194"/>
                  </a:lnTo>
                  <a:lnTo>
                    <a:pt x="265" y="7132"/>
                  </a:lnTo>
                  <a:lnTo>
                    <a:pt x="244" y="7068"/>
                  </a:lnTo>
                  <a:lnTo>
                    <a:pt x="225" y="7003"/>
                  </a:lnTo>
                  <a:lnTo>
                    <a:pt x="206" y="6938"/>
                  </a:lnTo>
                  <a:lnTo>
                    <a:pt x="189" y="6874"/>
                  </a:lnTo>
                  <a:lnTo>
                    <a:pt x="171" y="6809"/>
                  </a:lnTo>
                  <a:lnTo>
                    <a:pt x="155" y="6743"/>
                  </a:lnTo>
                  <a:lnTo>
                    <a:pt x="139" y="6677"/>
                  </a:lnTo>
                  <a:lnTo>
                    <a:pt x="124" y="6612"/>
                  </a:lnTo>
                  <a:lnTo>
                    <a:pt x="111" y="6546"/>
                  </a:lnTo>
                  <a:lnTo>
                    <a:pt x="97" y="6479"/>
                  </a:lnTo>
                  <a:lnTo>
                    <a:pt x="85" y="6412"/>
                  </a:lnTo>
                  <a:lnTo>
                    <a:pt x="74" y="6344"/>
                  </a:lnTo>
                  <a:lnTo>
                    <a:pt x="63" y="6278"/>
                  </a:lnTo>
                  <a:lnTo>
                    <a:pt x="52" y="6210"/>
                  </a:lnTo>
                  <a:lnTo>
                    <a:pt x="44" y="6142"/>
                  </a:lnTo>
                  <a:lnTo>
                    <a:pt x="36" y="6073"/>
                  </a:lnTo>
                  <a:lnTo>
                    <a:pt x="28" y="6004"/>
                  </a:lnTo>
                  <a:lnTo>
                    <a:pt x="22" y="5936"/>
                  </a:lnTo>
                  <a:lnTo>
                    <a:pt x="15" y="5866"/>
                  </a:lnTo>
                  <a:lnTo>
                    <a:pt x="11" y="5797"/>
                  </a:lnTo>
                  <a:lnTo>
                    <a:pt x="7" y="5728"/>
                  </a:lnTo>
                  <a:lnTo>
                    <a:pt x="4" y="5658"/>
                  </a:lnTo>
                  <a:lnTo>
                    <a:pt x="2" y="5588"/>
                  </a:lnTo>
                  <a:lnTo>
                    <a:pt x="0" y="5518"/>
                  </a:lnTo>
                  <a:lnTo>
                    <a:pt x="0" y="5448"/>
                  </a:lnTo>
                  <a:lnTo>
                    <a:pt x="0" y="5448"/>
                  </a:lnTo>
                  <a:lnTo>
                    <a:pt x="0" y="5377"/>
                  </a:lnTo>
                  <a:lnTo>
                    <a:pt x="2" y="5307"/>
                  </a:lnTo>
                  <a:lnTo>
                    <a:pt x="4" y="5237"/>
                  </a:lnTo>
                  <a:lnTo>
                    <a:pt x="7" y="5167"/>
                  </a:lnTo>
                  <a:lnTo>
                    <a:pt x="11" y="5097"/>
                  </a:lnTo>
                  <a:lnTo>
                    <a:pt x="15" y="5029"/>
                  </a:lnTo>
                  <a:lnTo>
                    <a:pt x="22" y="4960"/>
                  </a:lnTo>
                  <a:lnTo>
                    <a:pt x="28" y="4891"/>
                  </a:lnTo>
                  <a:lnTo>
                    <a:pt x="36" y="4822"/>
                  </a:lnTo>
                  <a:lnTo>
                    <a:pt x="44" y="4754"/>
                  </a:lnTo>
                  <a:lnTo>
                    <a:pt x="52" y="4685"/>
                  </a:lnTo>
                  <a:lnTo>
                    <a:pt x="63" y="4617"/>
                  </a:lnTo>
                  <a:lnTo>
                    <a:pt x="74" y="4551"/>
                  </a:lnTo>
                  <a:lnTo>
                    <a:pt x="85" y="4483"/>
                  </a:lnTo>
                  <a:lnTo>
                    <a:pt x="97" y="4416"/>
                  </a:lnTo>
                  <a:lnTo>
                    <a:pt x="111" y="4349"/>
                  </a:lnTo>
                  <a:lnTo>
                    <a:pt x="124" y="4283"/>
                  </a:lnTo>
                  <a:lnTo>
                    <a:pt x="139" y="4218"/>
                  </a:lnTo>
                  <a:lnTo>
                    <a:pt x="155" y="4152"/>
                  </a:lnTo>
                  <a:lnTo>
                    <a:pt x="171" y="4086"/>
                  </a:lnTo>
                  <a:lnTo>
                    <a:pt x="189" y="4021"/>
                  </a:lnTo>
                  <a:lnTo>
                    <a:pt x="206" y="3956"/>
                  </a:lnTo>
                  <a:lnTo>
                    <a:pt x="225" y="3892"/>
                  </a:lnTo>
                  <a:lnTo>
                    <a:pt x="244" y="3828"/>
                  </a:lnTo>
                  <a:lnTo>
                    <a:pt x="265" y="3763"/>
                  </a:lnTo>
                  <a:lnTo>
                    <a:pt x="285" y="3701"/>
                  </a:lnTo>
                  <a:lnTo>
                    <a:pt x="308" y="3637"/>
                  </a:lnTo>
                  <a:lnTo>
                    <a:pt x="330" y="3574"/>
                  </a:lnTo>
                  <a:lnTo>
                    <a:pt x="353" y="3512"/>
                  </a:lnTo>
                  <a:lnTo>
                    <a:pt x="377" y="3450"/>
                  </a:lnTo>
                  <a:lnTo>
                    <a:pt x="402" y="3388"/>
                  </a:lnTo>
                  <a:lnTo>
                    <a:pt x="428" y="3327"/>
                  </a:lnTo>
                  <a:lnTo>
                    <a:pt x="453" y="3266"/>
                  </a:lnTo>
                  <a:lnTo>
                    <a:pt x="480" y="3205"/>
                  </a:lnTo>
                  <a:lnTo>
                    <a:pt x="508" y="3145"/>
                  </a:lnTo>
                  <a:lnTo>
                    <a:pt x="536" y="3086"/>
                  </a:lnTo>
                  <a:lnTo>
                    <a:pt x="565" y="3026"/>
                  </a:lnTo>
                  <a:lnTo>
                    <a:pt x="595" y="2968"/>
                  </a:lnTo>
                  <a:lnTo>
                    <a:pt x="625" y="2909"/>
                  </a:lnTo>
                  <a:lnTo>
                    <a:pt x="656" y="2850"/>
                  </a:lnTo>
                  <a:lnTo>
                    <a:pt x="688" y="2793"/>
                  </a:lnTo>
                  <a:lnTo>
                    <a:pt x="720" y="2735"/>
                  </a:lnTo>
                  <a:lnTo>
                    <a:pt x="753" y="2679"/>
                  </a:lnTo>
                  <a:lnTo>
                    <a:pt x="787" y="2622"/>
                  </a:lnTo>
                  <a:lnTo>
                    <a:pt x="822" y="2567"/>
                  </a:lnTo>
                  <a:lnTo>
                    <a:pt x="856" y="2511"/>
                  </a:lnTo>
                  <a:lnTo>
                    <a:pt x="892" y="2456"/>
                  </a:lnTo>
                  <a:lnTo>
                    <a:pt x="928" y="2401"/>
                  </a:lnTo>
                  <a:lnTo>
                    <a:pt x="965" y="2348"/>
                  </a:lnTo>
                  <a:lnTo>
                    <a:pt x="1003" y="2293"/>
                  </a:lnTo>
                  <a:lnTo>
                    <a:pt x="1041" y="2241"/>
                  </a:lnTo>
                  <a:lnTo>
                    <a:pt x="1080" y="2187"/>
                  </a:lnTo>
                  <a:lnTo>
                    <a:pt x="1119" y="2136"/>
                  </a:lnTo>
                  <a:lnTo>
                    <a:pt x="1159" y="2084"/>
                  </a:lnTo>
                  <a:lnTo>
                    <a:pt x="1200" y="2033"/>
                  </a:lnTo>
                  <a:lnTo>
                    <a:pt x="1241" y="1982"/>
                  </a:lnTo>
                  <a:lnTo>
                    <a:pt x="1283" y="1931"/>
                  </a:lnTo>
                  <a:lnTo>
                    <a:pt x="1325" y="1882"/>
                  </a:lnTo>
                  <a:lnTo>
                    <a:pt x="1368" y="1833"/>
                  </a:lnTo>
                  <a:lnTo>
                    <a:pt x="1412" y="1784"/>
                  </a:lnTo>
                  <a:lnTo>
                    <a:pt x="1456" y="1736"/>
                  </a:lnTo>
                  <a:lnTo>
                    <a:pt x="1501" y="1689"/>
                  </a:lnTo>
                  <a:lnTo>
                    <a:pt x="1547" y="1642"/>
                  </a:lnTo>
                  <a:lnTo>
                    <a:pt x="1592" y="1595"/>
                  </a:lnTo>
                  <a:lnTo>
                    <a:pt x="1639" y="1549"/>
                  </a:lnTo>
                  <a:lnTo>
                    <a:pt x="1685" y="1504"/>
                  </a:lnTo>
                  <a:lnTo>
                    <a:pt x="1733" y="1459"/>
                  </a:lnTo>
                  <a:lnTo>
                    <a:pt x="1781" y="1414"/>
                  </a:lnTo>
                  <a:lnTo>
                    <a:pt x="1830" y="1371"/>
                  </a:lnTo>
                  <a:lnTo>
                    <a:pt x="1879" y="1328"/>
                  </a:lnTo>
                  <a:lnTo>
                    <a:pt x="1928" y="1286"/>
                  </a:lnTo>
                  <a:lnTo>
                    <a:pt x="1978" y="1244"/>
                  </a:lnTo>
                  <a:lnTo>
                    <a:pt x="2029" y="1203"/>
                  </a:lnTo>
                  <a:lnTo>
                    <a:pt x="2080" y="1162"/>
                  </a:lnTo>
                  <a:lnTo>
                    <a:pt x="2131" y="1121"/>
                  </a:lnTo>
                  <a:lnTo>
                    <a:pt x="2184" y="1081"/>
                  </a:lnTo>
                  <a:lnTo>
                    <a:pt x="2236" y="1043"/>
                  </a:lnTo>
                  <a:lnTo>
                    <a:pt x="2289" y="1004"/>
                  </a:lnTo>
                  <a:lnTo>
                    <a:pt x="2343" y="967"/>
                  </a:lnTo>
                  <a:lnTo>
                    <a:pt x="2397" y="930"/>
                  </a:lnTo>
                  <a:lnTo>
                    <a:pt x="2451" y="893"/>
                  </a:lnTo>
                  <a:lnTo>
                    <a:pt x="2506" y="858"/>
                  </a:lnTo>
                  <a:lnTo>
                    <a:pt x="2561" y="822"/>
                  </a:lnTo>
                  <a:lnTo>
                    <a:pt x="2617" y="788"/>
                  </a:lnTo>
                  <a:lnTo>
                    <a:pt x="2674" y="754"/>
                  </a:lnTo>
                  <a:lnTo>
                    <a:pt x="2730" y="722"/>
                  </a:lnTo>
                  <a:lnTo>
                    <a:pt x="2788" y="689"/>
                  </a:lnTo>
                  <a:lnTo>
                    <a:pt x="2845" y="657"/>
                  </a:lnTo>
                  <a:lnTo>
                    <a:pt x="2903" y="626"/>
                  </a:lnTo>
                  <a:lnTo>
                    <a:pt x="2961" y="595"/>
                  </a:lnTo>
                  <a:lnTo>
                    <a:pt x="3021" y="565"/>
                  </a:lnTo>
                  <a:lnTo>
                    <a:pt x="3079" y="537"/>
                  </a:lnTo>
                  <a:lnTo>
                    <a:pt x="3139" y="509"/>
                  </a:lnTo>
                  <a:lnTo>
                    <a:pt x="3199" y="481"/>
                  </a:lnTo>
                  <a:lnTo>
                    <a:pt x="3260" y="454"/>
                  </a:lnTo>
                  <a:lnTo>
                    <a:pt x="3320" y="428"/>
                  </a:lnTo>
                  <a:lnTo>
                    <a:pt x="3382" y="402"/>
                  </a:lnTo>
                  <a:lnTo>
                    <a:pt x="3443" y="377"/>
                  </a:lnTo>
                  <a:lnTo>
                    <a:pt x="3505" y="354"/>
                  </a:lnTo>
                  <a:lnTo>
                    <a:pt x="3567" y="330"/>
                  </a:lnTo>
                  <a:lnTo>
                    <a:pt x="3630" y="307"/>
                  </a:lnTo>
                  <a:lnTo>
                    <a:pt x="3692" y="286"/>
                  </a:lnTo>
                  <a:lnTo>
                    <a:pt x="3756" y="265"/>
                  </a:lnTo>
                  <a:lnTo>
                    <a:pt x="3820" y="245"/>
                  </a:lnTo>
                  <a:lnTo>
                    <a:pt x="3883" y="225"/>
                  </a:lnTo>
                  <a:lnTo>
                    <a:pt x="3948" y="207"/>
                  </a:lnTo>
                  <a:lnTo>
                    <a:pt x="4012" y="188"/>
                  </a:lnTo>
                  <a:lnTo>
                    <a:pt x="4077" y="171"/>
                  </a:lnTo>
                  <a:lnTo>
                    <a:pt x="4143" y="154"/>
                  </a:lnTo>
                  <a:lnTo>
                    <a:pt x="4208" y="139"/>
                  </a:lnTo>
                  <a:lnTo>
                    <a:pt x="4274" y="124"/>
                  </a:lnTo>
                  <a:lnTo>
                    <a:pt x="4341" y="110"/>
                  </a:lnTo>
                  <a:lnTo>
                    <a:pt x="4407" y="97"/>
                  </a:lnTo>
                  <a:lnTo>
                    <a:pt x="4474" y="84"/>
                  </a:lnTo>
                  <a:lnTo>
                    <a:pt x="4541" y="73"/>
                  </a:lnTo>
                  <a:lnTo>
                    <a:pt x="4608" y="63"/>
                  </a:lnTo>
                  <a:lnTo>
                    <a:pt x="4676" y="52"/>
                  </a:lnTo>
                  <a:lnTo>
                    <a:pt x="4744" y="43"/>
                  </a:lnTo>
                  <a:lnTo>
                    <a:pt x="4811" y="35"/>
                  </a:lnTo>
                  <a:lnTo>
                    <a:pt x="4880" y="28"/>
                  </a:lnTo>
                  <a:lnTo>
                    <a:pt x="4949" y="22"/>
                  </a:lnTo>
                  <a:lnTo>
                    <a:pt x="5018" y="15"/>
                  </a:lnTo>
                  <a:lnTo>
                    <a:pt x="5087" y="10"/>
                  </a:lnTo>
                  <a:lnTo>
                    <a:pt x="5156" y="6"/>
                  </a:lnTo>
                  <a:lnTo>
                    <a:pt x="5226" y="3"/>
                  </a:lnTo>
                  <a:lnTo>
                    <a:pt x="5295" y="1"/>
                  </a:lnTo>
                  <a:lnTo>
                    <a:pt x="5365" y="0"/>
                  </a:lnTo>
                  <a:lnTo>
                    <a:pt x="5436" y="0"/>
                  </a:lnTo>
                  <a:lnTo>
                    <a:pt x="5436" y="0"/>
                  </a:lnTo>
                  <a:lnTo>
                    <a:pt x="5507" y="0"/>
                  </a:lnTo>
                  <a:lnTo>
                    <a:pt x="5577" y="1"/>
                  </a:lnTo>
                  <a:lnTo>
                    <a:pt x="5646" y="3"/>
                  </a:lnTo>
                  <a:lnTo>
                    <a:pt x="5716" y="6"/>
                  </a:lnTo>
                  <a:lnTo>
                    <a:pt x="5785" y="10"/>
                  </a:lnTo>
                  <a:lnTo>
                    <a:pt x="5854" y="15"/>
                  </a:lnTo>
                  <a:lnTo>
                    <a:pt x="5923" y="22"/>
                  </a:lnTo>
                  <a:lnTo>
                    <a:pt x="5992" y="28"/>
                  </a:lnTo>
                  <a:lnTo>
                    <a:pt x="6061" y="35"/>
                  </a:lnTo>
                  <a:lnTo>
                    <a:pt x="6128" y="43"/>
                  </a:lnTo>
                  <a:lnTo>
                    <a:pt x="6196" y="52"/>
                  </a:lnTo>
                  <a:lnTo>
                    <a:pt x="6264" y="63"/>
                  </a:lnTo>
                  <a:lnTo>
                    <a:pt x="6331" y="73"/>
                  </a:lnTo>
                  <a:lnTo>
                    <a:pt x="6398" y="84"/>
                  </a:lnTo>
                  <a:lnTo>
                    <a:pt x="6465" y="97"/>
                  </a:lnTo>
                  <a:lnTo>
                    <a:pt x="6531" y="110"/>
                  </a:lnTo>
                  <a:lnTo>
                    <a:pt x="6598" y="124"/>
                  </a:lnTo>
                  <a:lnTo>
                    <a:pt x="6664" y="139"/>
                  </a:lnTo>
                  <a:lnTo>
                    <a:pt x="6729" y="154"/>
                  </a:lnTo>
                  <a:lnTo>
                    <a:pt x="6795" y="171"/>
                  </a:lnTo>
                  <a:lnTo>
                    <a:pt x="6860" y="188"/>
                  </a:lnTo>
                  <a:lnTo>
                    <a:pt x="6924" y="207"/>
                  </a:lnTo>
                  <a:lnTo>
                    <a:pt x="6989" y="225"/>
                  </a:lnTo>
                  <a:lnTo>
                    <a:pt x="7052" y="245"/>
                  </a:lnTo>
                  <a:lnTo>
                    <a:pt x="7116" y="265"/>
                  </a:lnTo>
                  <a:lnTo>
                    <a:pt x="7180" y="286"/>
                  </a:lnTo>
                  <a:lnTo>
                    <a:pt x="7242" y="307"/>
                  </a:lnTo>
                  <a:lnTo>
                    <a:pt x="7305" y="330"/>
                  </a:lnTo>
                  <a:lnTo>
                    <a:pt x="7367" y="354"/>
                  </a:lnTo>
                  <a:lnTo>
                    <a:pt x="7429" y="377"/>
                  </a:lnTo>
                  <a:lnTo>
                    <a:pt x="7490" y="402"/>
                  </a:lnTo>
                  <a:lnTo>
                    <a:pt x="7552" y="428"/>
                  </a:lnTo>
                  <a:lnTo>
                    <a:pt x="7612" y="454"/>
                  </a:lnTo>
                  <a:lnTo>
                    <a:pt x="7673" y="481"/>
                  </a:lnTo>
                  <a:lnTo>
                    <a:pt x="7733" y="509"/>
                  </a:lnTo>
                  <a:lnTo>
                    <a:pt x="7793" y="537"/>
                  </a:lnTo>
                  <a:lnTo>
                    <a:pt x="7851" y="565"/>
                  </a:lnTo>
                  <a:lnTo>
                    <a:pt x="7911" y="595"/>
                  </a:lnTo>
                  <a:lnTo>
                    <a:pt x="7969" y="626"/>
                  </a:lnTo>
                  <a:lnTo>
                    <a:pt x="8027" y="657"/>
                  </a:lnTo>
                  <a:lnTo>
                    <a:pt x="8084" y="689"/>
                  </a:lnTo>
                  <a:lnTo>
                    <a:pt x="8142" y="722"/>
                  </a:lnTo>
                  <a:lnTo>
                    <a:pt x="8198" y="754"/>
                  </a:lnTo>
                  <a:lnTo>
                    <a:pt x="8255" y="788"/>
                  </a:lnTo>
                  <a:lnTo>
                    <a:pt x="8311" y="822"/>
                  </a:lnTo>
                  <a:lnTo>
                    <a:pt x="8366" y="858"/>
                  </a:lnTo>
                  <a:lnTo>
                    <a:pt x="8421" y="893"/>
                  </a:lnTo>
                  <a:lnTo>
                    <a:pt x="8475" y="930"/>
                  </a:lnTo>
                  <a:lnTo>
                    <a:pt x="8529" y="967"/>
                  </a:lnTo>
                  <a:lnTo>
                    <a:pt x="8583" y="1004"/>
                  </a:lnTo>
                  <a:lnTo>
                    <a:pt x="8636" y="1043"/>
                  </a:lnTo>
                  <a:lnTo>
                    <a:pt x="8688" y="1081"/>
                  </a:lnTo>
                  <a:lnTo>
                    <a:pt x="8741" y="1121"/>
                  </a:lnTo>
                  <a:lnTo>
                    <a:pt x="8792" y="1162"/>
                  </a:lnTo>
                  <a:lnTo>
                    <a:pt x="8843" y="1203"/>
                  </a:lnTo>
                  <a:lnTo>
                    <a:pt x="8894" y="1244"/>
                  </a:lnTo>
                  <a:lnTo>
                    <a:pt x="8944" y="1286"/>
                  </a:lnTo>
                  <a:lnTo>
                    <a:pt x="8993" y="1328"/>
                  </a:lnTo>
                  <a:lnTo>
                    <a:pt x="9042" y="1371"/>
                  </a:lnTo>
                  <a:lnTo>
                    <a:pt x="9091" y="1414"/>
                  </a:lnTo>
                  <a:lnTo>
                    <a:pt x="9139" y="1459"/>
                  </a:lnTo>
                  <a:lnTo>
                    <a:pt x="9187" y="1504"/>
                  </a:lnTo>
                  <a:lnTo>
                    <a:pt x="9233" y="1549"/>
                  </a:lnTo>
                  <a:lnTo>
                    <a:pt x="9280" y="1595"/>
                  </a:lnTo>
                  <a:lnTo>
                    <a:pt x="9325" y="1642"/>
                  </a:lnTo>
                  <a:lnTo>
                    <a:pt x="9371" y="1689"/>
                  </a:lnTo>
                  <a:lnTo>
                    <a:pt x="9416" y="1736"/>
                  </a:lnTo>
                  <a:lnTo>
                    <a:pt x="9460" y="1784"/>
                  </a:lnTo>
                  <a:lnTo>
                    <a:pt x="9504" y="1833"/>
                  </a:lnTo>
                  <a:lnTo>
                    <a:pt x="9547" y="1882"/>
                  </a:lnTo>
                  <a:lnTo>
                    <a:pt x="9589" y="1931"/>
                  </a:lnTo>
                  <a:lnTo>
                    <a:pt x="9631" y="1982"/>
                  </a:lnTo>
                  <a:lnTo>
                    <a:pt x="9672" y="2033"/>
                  </a:lnTo>
                  <a:lnTo>
                    <a:pt x="9713" y="2084"/>
                  </a:lnTo>
                  <a:lnTo>
                    <a:pt x="9753" y="2136"/>
                  </a:lnTo>
                  <a:lnTo>
                    <a:pt x="9792" y="2187"/>
                  </a:lnTo>
                  <a:lnTo>
                    <a:pt x="9831" y="2241"/>
                  </a:lnTo>
                  <a:lnTo>
                    <a:pt x="9869" y="2293"/>
                  </a:lnTo>
                  <a:lnTo>
                    <a:pt x="9907" y="2348"/>
                  </a:lnTo>
                  <a:lnTo>
                    <a:pt x="9944" y="2401"/>
                  </a:lnTo>
                  <a:lnTo>
                    <a:pt x="9980" y="2456"/>
                  </a:lnTo>
                  <a:lnTo>
                    <a:pt x="10016" y="2511"/>
                  </a:lnTo>
                  <a:lnTo>
                    <a:pt x="10050" y="2567"/>
                  </a:lnTo>
                  <a:lnTo>
                    <a:pt x="10085" y="2622"/>
                  </a:lnTo>
                  <a:lnTo>
                    <a:pt x="10119" y="2679"/>
                  </a:lnTo>
                  <a:lnTo>
                    <a:pt x="10152" y="2735"/>
                  </a:lnTo>
                  <a:lnTo>
                    <a:pt x="10184" y="2793"/>
                  </a:lnTo>
                  <a:lnTo>
                    <a:pt x="10216" y="2850"/>
                  </a:lnTo>
                  <a:lnTo>
                    <a:pt x="10247" y="2909"/>
                  </a:lnTo>
                  <a:lnTo>
                    <a:pt x="10277" y="2968"/>
                  </a:lnTo>
                  <a:lnTo>
                    <a:pt x="10307" y="3026"/>
                  </a:lnTo>
                  <a:lnTo>
                    <a:pt x="10336" y="3086"/>
                  </a:lnTo>
                  <a:lnTo>
                    <a:pt x="10364" y="3145"/>
                  </a:lnTo>
                  <a:lnTo>
                    <a:pt x="10392" y="3205"/>
                  </a:lnTo>
                  <a:lnTo>
                    <a:pt x="10419" y="3266"/>
                  </a:lnTo>
                  <a:lnTo>
                    <a:pt x="10445" y="3327"/>
                  </a:lnTo>
                  <a:lnTo>
                    <a:pt x="10470" y="3388"/>
                  </a:lnTo>
                  <a:lnTo>
                    <a:pt x="10495" y="3450"/>
                  </a:lnTo>
                  <a:lnTo>
                    <a:pt x="10519" y="3512"/>
                  </a:lnTo>
                  <a:lnTo>
                    <a:pt x="10542" y="3574"/>
                  </a:lnTo>
                  <a:lnTo>
                    <a:pt x="10564" y="3637"/>
                  </a:lnTo>
                  <a:lnTo>
                    <a:pt x="10587" y="3701"/>
                  </a:lnTo>
                  <a:lnTo>
                    <a:pt x="10607" y="3763"/>
                  </a:lnTo>
                  <a:lnTo>
                    <a:pt x="10628" y="3828"/>
                  </a:lnTo>
                  <a:lnTo>
                    <a:pt x="10647" y="3892"/>
                  </a:lnTo>
                  <a:lnTo>
                    <a:pt x="10666" y="3956"/>
                  </a:lnTo>
                  <a:lnTo>
                    <a:pt x="10683" y="4021"/>
                  </a:lnTo>
                  <a:lnTo>
                    <a:pt x="10701" y="4086"/>
                  </a:lnTo>
                  <a:lnTo>
                    <a:pt x="10717" y="4152"/>
                  </a:lnTo>
                  <a:lnTo>
                    <a:pt x="10733" y="4218"/>
                  </a:lnTo>
                  <a:lnTo>
                    <a:pt x="10748" y="4283"/>
                  </a:lnTo>
                  <a:lnTo>
                    <a:pt x="10761" y="4349"/>
                  </a:lnTo>
                  <a:lnTo>
                    <a:pt x="10775" y="4416"/>
                  </a:lnTo>
                  <a:lnTo>
                    <a:pt x="10787" y="4483"/>
                  </a:lnTo>
                  <a:lnTo>
                    <a:pt x="10798" y="4551"/>
                  </a:lnTo>
                  <a:lnTo>
                    <a:pt x="10809" y="4617"/>
                  </a:lnTo>
                  <a:lnTo>
                    <a:pt x="10820" y="4685"/>
                  </a:lnTo>
                  <a:lnTo>
                    <a:pt x="10828" y="4754"/>
                  </a:lnTo>
                  <a:lnTo>
                    <a:pt x="10836" y="4822"/>
                  </a:lnTo>
                  <a:lnTo>
                    <a:pt x="10844" y="4891"/>
                  </a:lnTo>
                  <a:lnTo>
                    <a:pt x="10850" y="4960"/>
                  </a:lnTo>
                  <a:lnTo>
                    <a:pt x="10857" y="5029"/>
                  </a:lnTo>
                  <a:lnTo>
                    <a:pt x="10861" y="5097"/>
                  </a:lnTo>
                  <a:lnTo>
                    <a:pt x="10865" y="5167"/>
                  </a:lnTo>
                  <a:lnTo>
                    <a:pt x="10868" y="5237"/>
                  </a:lnTo>
                  <a:lnTo>
                    <a:pt x="10870" y="5307"/>
                  </a:lnTo>
                  <a:lnTo>
                    <a:pt x="10872" y="5377"/>
                  </a:lnTo>
                  <a:lnTo>
                    <a:pt x="10872" y="5448"/>
                  </a:lnTo>
                  <a:lnTo>
                    <a:pt x="10872" y="544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4" name="Freeform 16"/>
            <p:cNvSpPr>
              <a:spLocks/>
            </p:cNvSpPr>
            <p:nvPr/>
          </p:nvSpPr>
          <p:spPr bwMode="auto">
            <a:xfrm>
              <a:off x="727869" y="2203450"/>
              <a:ext cx="125413" cy="109538"/>
            </a:xfrm>
            <a:custGeom>
              <a:avLst/>
              <a:gdLst>
                <a:gd name="T0" fmla="*/ 1870 w 1901"/>
                <a:gd name="T1" fmla="*/ 1236 h 1646"/>
                <a:gd name="T2" fmla="*/ 1775 w 1901"/>
                <a:gd name="T3" fmla="*/ 1245 h 1646"/>
                <a:gd name="T4" fmla="*/ 1684 w 1901"/>
                <a:gd name="T5" fmla="*/ 1260 h 1646"/>
                <a:gd name="T6" fmla="*/ 1596 w 1901"/>
                <a:gd name="T7" fmla="*/ 1282 h 1646"/>
                <a:gd name="T8" fmla="*/ 1511 w 1901"/>
                <a:gd name="T9" fmla="*/ 1311 h 1646"/>
                <a:gd name="T10" fmla="*/ 1430 w 1901"/>
                <a:gd name="T11" fmla="*/ 1346 h 1646"/>
                <a:gd name="T12" fmla="*/ 1352 w 1901"/>
                <a:gd name="T13" fmla="*/ 1388 h 1646"/>
                <a:gd name="T14" fmla="*/ 1277 w 1901"/>
                <a:gd name="T15" fmla="*/ 1436 h 1646"/>
                <a:gd name="T16" fmla="*/ 1205 w 1901"/>
                <a:gd name="T17" fmla="*/ 1492 h 1646"/>
                <a:gd name="T18" fmla="*/ 1137 w 1901"/>
                <a:gd name="T19" fmla="*/ 1554 h 1646"/>
                <a:gd name="T20" fmla="*/ 1073 w 1901"/>
                <a:gd name="T21" fmla="*/ 1623 h 1646"/>
                <a:gd name="T22" fmla="*/ 622 w 1901"/>
                <a:gd name="T23" fmla="*/ 1646 h 1646"/>
                <a:gd name="T24" fmla="*/ 526 w 1901"/>
                <a:gd name="T25" fmla="*/ 1642 h 1646"/>
                <a:gd name="T26" fmla="*/ 437 w 1901"/>
                <a:gd name="T27" fmla="*/ 1628 h 1646"/>
                <a:gd name="T28" fmla="*/ 353 w 1901"/>
                <a:gd name="T29" fmla="*/ 1605 h 1646"/>
                <a:gd name="T30" fmla="*/ 275 w 1901"/>
                <a:gd name="T31" fmla="*/ 1573 h 1646"/>
                <a:gd name="T32" fmla="*/ 202 w 1901"/>
                <a:gd name="T33" fmla="*/ 1532 h 1646"/>
                <a:gd name="T34" fmla="*/ 158 w 1901"/>
                <a:gd name="T35" fmla="*/ 1499 h 1646"/>
                <a:gd name="T36" fmla="*/ 101 w 1901"/>
                <a:gd name="T37" fmla="*/ 1444 h 1646"/>
                <a:gd name="T38" fmla="*/ 56 w 1901"/>
                <a:gd name="T39" fmla="*/ 1379 h 1646"/>
                <a:gd name="T40" fmla="*/ 26 w 1901"/>
                <a:gd name="T41" fmla="*/ 1307 h 1646"/>
                <a:gd name="T42" fmla="*/ 6 w 1901"/>
                <a:gd name="T43" fmla="*/ 1225 h 1646"/>
                <a:gd name="T44" fmla="*/ 0 w 1901"/>
                <a:gd name="T45" fmla="*/ 1135 h 1646"/>
                <a:gd name="T46" fmla="*/ 2 w 1901"/>
                <a:gd name="T47" fmla="*/ 998 h 1646"/>
                <a:gd name="T48" fmla="*/ 9 w 1901"/>
                <a:gd name="T49" fmla="*/ 808 h 1646"/>
                <a:gd name="T50" fmla="*/ 25 w 1901"/>
                <a:gd name="T51" fmla="*/ 639 h 1646"/>
                <a:gd name="T52" fmla="*/ 47 w 1901"/>
                <a:gd name="T53" fmla="*/ 490 h 1646"/>
                <a:gd name="T54" fmla="*/ 76 w 1901"/>
                <a:gd name="T55" fmla="*/ 359 h 1646"/>
                <a:gd name="T56" fmla="*/ 112 w 1901"/>
                <a:gd name="T57" fmla="*/ 250 h 1646"/>
                <a:gd name="T58" fmla="*/ 155 w 1901"/>
                <a:gd name="T59" fmla="*/ 160 h 1646"/>
                <a:gd name="T60" fmla="*/ 205 w 1901"/>
                <a:gd name="T61" fmla="*/ 91 h 1646"/>
                <a:gd name="T62" fmla="*/ 262 w 1901"/>
                <a:gd name="T63" fmla="*/ 41 h 1646"/>
                <a:gd name="T64" fmla="*/ 326 w 1901"/>
                <a:gd name="T65" fmla="*/ 11 h 1646"/>
                <a:gd name="T66" fmla="*/ 398 w 1901"/>
                <a:gd name="T67" fmla="*/ 0 h 1646"/>
                <a:gd name="T68" fmla="*/ 413 w 1901"/>
                <a:gd name="T69" fmla="*/ 5 h 1646"/>
                <a:gd name="T70" fmla="*/ 483 w 1901"/>
                <a:gd name="T71" fmla="*/ 38 h 1646"/>
                <a:gd name="T72" fmla="*/ 568 w 1901"/>
                <a:gd name="T73" fmla="*/ 85 h 1646"/>
                <a:gd name="T74" fmla="*/ 676 w 1901"/>
                <a:gd name="T75" fmla="*/ 136 h 1646"/>
                <a:gd name="T76" fmla="*/ 803 w 1901"/>
                <a:gd name="T77" fmla="*/ 188 h 1646"/>
                <a:gd name="T78" fmla="*/ 898 w 1901"/>
                <a:gd name="T79" fmla="*/ 221 h 1646"/>
                <a:gd name="T80" fmla="*/ 1042 w 1901"/>
                <a:gd name="T81" fmla="*/ 256 h 1646"/>
                <a:gd name="T82" fmla="*/ 1185 w 1901"/>
                <a:gd name="T83" fmla="*/ 273 h 1646"/>
                <a:gd name="T84" fmla="*/ 1285 w 1901"/>
                <a:gd name="T85" fmla="*/ 273 h 1646"/>
                <a:gd name="T86" fmla="*/ 1446 w 1901"/>
                <a:gd name="T87" fmla="*/ 255 h 1646"/>
                <a:gd name="T88" fmla="*/ 1605 w 1901"/>
                <a:gd name="T89" fmla="*/ 217 h 1646"/>
                <a:gd name="T90" fmla="*/ 1651 w 1901"/>
                <a:gd name="T91" fmla="*/ 257 h 1646"/>
                <a:gd name="T92" fmla="*/ 1642 w 1901"/>
                <a:gd name="T93" fmla="*/ 412 h 1646"/>
                <a:gd name="T94" fmla="*/ 1646 w 1901"/>
                <a:gd name="T95" fmla="*/ 523 h 1646"/>
                <a:gd name="T96" fmla="*/ 1668 w 1901"/>
                <a:gd name="T97" fmla="*/ 684 h 1646"/>
                <a:gd name="T98" fmla="*/ 1707 w 1901"/>
                <a:gd name="T99" fmla="*/ 841 h 1646"/>
                <a:gd name="T100" fmla="*/ 1765 w 1901"/>
                <a:gd name="T101" fmla="*/ 993 h 1646"/>
                <a:gd name="T102" fmla="*/ 1841 w 1901"/>
                <a:gd name="T103" fmla="*/ 1139 h 1646"/>
                <a:gd name="T104" fmla="*/ 1901 w 1901"/>
                <a:gd name="T105" fmla="*/ 1235 h 16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1901" h="1646">
                  <a:moveTo>
                    <a:pt x="1901" y="1235"/>
                  </a:moveTo>
                  <a:lnTo>
                    <a:pt x="1901" y="1235"/>
                  </a:lnTo>
                  <a:lnTo>
                    <a:pt x="1870" y="1236"/>
                  </a:lnTo>
                  <a:lnTo>
                    <a:pt x="1838" y="1238"/>
                  </a:lnTo>
                  <a:lnTo>
                    <a:pt x="1806" y="1241"/>
                  </a:lnTo>
                  <a:lnTo>
                    <a:pt x="1775" y="1245"/>
                  </a:lnTo>
                  <a:lnTo>
                    <a:pt x="1745" y="1249"/>
                  </a:lnTo>
                  <a:lnTo>
                    <a:pt x="1714" y="1255"/>
                  </a:lnTo>
                  <a:lnTo>
                    <a:pt x="1684" y="1260"/>
                  </a:lnTo>
                  <a:lnTo>
                    <a:pt x="1654" y="1267"/>
                  </a:lnTo>
                  <a:lnTo>
                    <a:pt x="1625" y="1274"/>
                  </a:lnTo>
                  <a:lnTo>
                    <a:pt x="1596" y="1282"/>
                  </a:lnTo>
                  <a:lnTo>
                    <a:pt x="1567" y="1291"/>
                  </a:lnTo>
                  <a:lnTo>
                    <a:pt x="1538" y="1301"/>
                  </a:lnTo>
                  <a:lnTo>
                    <a:pt x="1511" y="1311"/>
                  </a:lnTo>
                  <a:lnTo>
                    <a:pt x="1483" y="1321"/>
                  </a:lnTo>
                  <a:lnTo>
                    <a:pt x="1456" y="1334"/>
                  </a:lnTo>
                  <a:lnTo>
                    <a:pt x="1430" y="1346"/>
                  </a:lnTo>
                  <a:lnTo>
                    <a:pt x="1403" y="1359"/>
                  </a:lnTo>
                  <a:lnTo>
                    <a:pt x="1377" y="1373"/>
                  </a:lnTo>
                  <a:lnTo>
                    <a:pt x="1352" y="1388"/>
                  </a:lnTo>
                  <a:lnTo>
                    <a:pt x="1326" y="1404"/>
                  </a:lnTo>
                  <a:lnTo>
                    <a:pt x="1301" y="1419"/>
                  </a:lnTo>
                  <a:lnTo>
                    <a:pt x="1277" y="1436"/>
                  </a:lnTo>
                  <a:lnTo>
                    <a:pt x="1252" y="1454"/>
                  </a:lnTo>
                  <a:lnTo>
                    <a:pt x="1229" y="1472"/>
                  </a:lnTo>
                  <a:lnTo>
                    <a:pt x="1205" y="1492"/>
                  </a:lnTo>
                  <a:lnTo>
                    <a:pt x="1182" y="1512"/>
                  </a:lnTo>
                  <a:lnTo>
                    <a:pt x="1160" y="1532"/>
                  </a:lnTo>
                  <a:lnTo>
                    <a:pt x="1137" y="1554"/>
                  </a:lnTo>
                  <a:lnTo>
                    <a:pt x="1116" y="1575"/>
                  </a:lnTo>
                  <a:lnTo>
                    <a:pt x="1094" y="1599"/>
                  </a:lnTo>
                  <a:lnTo>
                    <a:pt x="1073" y="1623"/>
                  </a:lnTo>
                  <a:lnTo>
                    <a:pt x="1052" y="1646"/>
                  </a:lnTo>
                  <a:lnTo>
                    <a:pt x="622" y="1646"/>
                  </a:lnTo>
                  <a:lnTo>
                    <a:pt x="622" y="1646"/>
                  </a:lnTo>
                  <a:lnTo>
                    <a:pt x="590" y="1646"/>
                  </a:lnTo>
                  <a:lnTo>
                    <a:pt x="558" y="1644"/>
                  </a:lnTo>
                  <a:lnTo>
                    <a:pt x="526" y="1642"/>
                  </a:lnTo>
                  <a:lnTo>
                    <a:pt x="496" y="1638"/>
                  </a:lnTo>
                  <a:lnTo>
                    <a:pt x="466" y="1634"/>
                  </a:lnTo>
                  <a:lnTo>
                    <a:pt x="437" y="1628"/>
                  </a:lnTo>
                  <a:lnTo>
                    <a:pt x="408" y="1621"/>
                  </a:lnTo>
                  <a:lnTo>
                    <a:pt x="380" y="1614"/>
                  </a:lnTo>
                  <a:lnTo>
                    <a:pt x="353" y="1605"/>
                  </a:lnTo>
                  <a:lnTo>
                    <a:pt x="326" y="1596"/>
                  </a:lnTo>
                  <a:lnTo>
                    <a:pt x="300" y="1584"/>
                  </a:lnTo>
                  <a:lnTo>
                    <a:pt x="275" y="1573"/>
                  </a:lnTo>
                  <a:lnTo>
                    <a:pt x="250" y="1561"/>
                  </a:lnTo>
                  <a:lnTo>
                    <a:pt x="226" y="1546"/>
                  </a:lnTo>
                  <a:lnTo>
                    <a:pt x="202" y="1532"/>
                  </a:lnTo>
                  <a:lnTo>
                    <a:pt x="179" y="1517"/>
                  </a:lnTo>
                  <a:lnTo>
                    <a:pt x="179" y="1517"/>
                  </a:lnTo>
                  <a:lnTo>
                    <a:pt x="158" y="1499"/>
                  </a:lnTo>
                  <a:lnTo>
                    <a:pt x="137" y="1482"/>
                  </a:lnTo>
                  <a:lnTo>
                    <a:pt x="119" y="1463"/>
                  </a:lnTo>
                  <a:lnTo>
                    <a:pt x="101" y="1444"/>
                  </a:lnTo>
                  <a:lnTo>
                    <a:pt x="85" y="1423"/>
                  </a:lnTo>
                  <a:lnTo>
                    <a:pt x="70" y="1402"/>
                  </a:lnTo>
                  <a:lnTo>
                    <a:pt x="56" y="1379"/>
                  </a:lnTo>
                  <a:lnTo>
                    <a:pt x="45" y="1356"/>
                  </a:lnTo>
                  <a:lnTo>
                    <a:pt x="35" y="1332"/>
                  </a:lnTo>
                  <a:lnTo>
                    <a:pt x="26" y="1307"/>
                  </a:lnTo>
                  <a:lnTo>
                    <a:pt x="17" y="1280"/>
                  </a:lnTo>
                  <a:lnTo>
                    <a:pt x="11" y="1253"/>
                  </a:lnTo>
                  <a:lnTo>
                    <a:pt x="6" y="1225"/>
                  </a:lnTo>
                  <a:lnTo>
                    <a:pt x="3" y="1196"/>
                  </a:lnTo>
                  <a:lnTo>
                    <a:pt x="1" y="1166"/>
                  </a:lnTo>
                  <a:lnTo>
                    <a:pt x="0" y="1135"/>
                  </a:lnTo>
                  <a:lnTo>
                    <a:pt x="0" y="1135"/>
                  </a:lnTo>
                  <a:lnTo>
                    <a:pt x="0" y="1065"/>
                  </a:lnTo>
                  <a:lnTo>
                    <a:pt x="2" y="998"/>
                  </a:lnTo>
                  <a:lnTo>
                    <a:pt x="3" y="933"/>
                  </a:lnTo>
                  <a:lnTo>
                    <a:pt x="6" y="869"/>
                  </a:lnTo>
                  <a:lnTo>
                    <a:pt x="9" y="808"/>
                  </a:lnTo>
                  <a:lnTo>
                    <a:pt x="14" y="750"/>
                  </a:lnTo>
                  <a:lnTo>
                    <a:pt x="19" y="693"/>
                  </a:lnTo>
                  <a:lnTo>
                    <a:pt x="25" y="639"/>
                  </a:lnTo>
                  <a:lnTo>
                    <a:pt x="32" y="586"/>
                  </a:lnTo>
                  <a:lnTo>
                    <a:pt x="39" y="537"/>
                  </a:lnTo>
                  <a:lnTo>
                    <a:pt x="47" y="490"/>
                  </a:lnTo>
                  <a:lnTo>
                    <a:pt x="56" y="443"/>
                  </a:lnTo>
                  <a:lnTo>
                    <a:pt x="66" y="400"/>
                  </a:lnTo>
                  <a:lnTo>
                    <a:pt x="76" y="359"/>
                  </a:lnTo>
                  <a:lnTo>
                    <a:pt x="87" y="321"/>
                  </a:lnTo>
                  <a:lnTo>
                    <a:pt x="99" y="284"/>
                  </a:lnTo>
                  <a:lnTo>
                    <a:pt x="112" y="250"/>
                  </a:lnTo>
                  <a:lnTo>
                    <a:pt x="126" y="217"/>
                  </a:lnTo>
                  <a:lnTo>
                    <a:pt x="140" y="188"/>
                  </a:lnTo>
                  <a:lnTo>
                    <a:pt x="155" y="160"/>
                  </a:lnTo>
                  <a:lnTo>
                    <a:pt x="171" y="135"/>
                  </a:lnTo>
                  <a:lnTo>
                    <a:pt x="188" y="111"/>
                  </a:lnTo>
                  <a:lnTo>
                    <a:pt x="205" y="91"/>
                  </a:lnTo>
                  <a:lnTo>
                    <a:pt x="223" y="71"/>
                  </a:lnTo>
                  <a:lnTo>
                    <a:pt x="243" y="55"/>
                  </a:lnTo>
                  <a:lnTo>
                    <a:pt x="262" y="41"/>
                  </a:lnTo>
                  <a:lnTo>
                    <a:pt x="283" y="28"/>
                  </a:lnTo>
                  <a:lnTo>
                    <a:pt x="305" y="18"/>
                  </a:lnTo>
                  <a:lnTo>
                    <a:pt x="326" y="11"/>
                  </a:lnTo>
                  <a:lnTo>
                    <a:pt x="350" y="6"/>
                  </a:lnTo>
                  <a:lnTo>
                    <a:pt x="373" y="1"/>
                  </a:lnTo>
                  <a:lnTo>
                    <a:pt x="398" y="0"/>
                  </a:lnTo>
                  <a:lnTo>
                    <a:pt x="398" y="0"/>
                  </a:lnTo>
                  <a:lnTo>
                    <a:pt x="404" y="1"/>
                  </a:lnTo>
                  <a:lnTo>
                    <a:pt x="413" y="5"/>
                  </a:lnTo>
                  <a:lnTo>
                    <a:pt x="427" y="10"/>
                  </a:lnTo>
                  <a:lnTo>
                    <a:pt x="442" y="18"/>
                  </a:lnTo>
                  <a:lnTo>
                    <a:pt x="483" y="38"/>
                  </a:lnTo>
                  <a:lnTo>
                    <a:pt x="537" y="68"/>
                  </a:lnTo>
                  <a:lnTo>
                    <a:pt x="537" y="68"/>
                  </a:lnTo>
                  <a:lnTo>
                    <a:pt x="568" y="85"/>
                  </a:lnTo>
                  <a:lnTo>
                    <a:pt x="602" y="102"/>
                  </a:lnTo>
                  <a:lnTo>
                    <a:pt x="638" y="119"/>
                  </a:lnTo>
                  <a:lnTo>
                    <a:pt x="676" y="136"/>
                  </a:lnTo>
                  <a:lnTo>
                    <a:pt x="716" y="154"/>
                  </a:lnTo>
                  <a:lnTo>
                    <a:pt x="758" y="170"/>
                  </a:lnTo>
                  <a:lnTo>
                    <a:pt x="803" y="188"/>
                  </a:lnTo>
                  <a:lnTo>
                    <a:pt x="850" y="205"/>
                  </a:lnTo>
                  <a:lnTo>
                    <a:pt x="850" y="205"/>
                  </a:lnTo>
                  <a:lnTo>
                    <a:pt x="898" y="221"/>
                  </a:lnTo>
                  <a:lnTo>
                    <a:pt x="946" y="235"/>
                  </a:lnTo>
                  <a:lnTo>
                    <a:pt x="994" y="247"/>
                  </a:lnTo>
                  <a:lnTo>
                    <a:pt x="1042" y="256"/>
                  </a:lnTo>
                  <a:lnTo>
                    <a:pt x="1089" y="265"/>
                  </a:lnTo>
                  <a:lnTo>
                    <a:pt x="1136" y="270"/>
                  </a:lnTo>
                  <a:lnTo>
                    <a:pt x="1185" y="273"/>
                  </a:lnTo>
                  <a:lnTo>
                    <a:pt x="1232" y="274"/>
                  </a:lnTo>
                  <a:lnTo>
                    <a:pt x="1232" y="274"/>
                  </a:lnTo>
                  <a:lnTo>
                    <a:pt x="1285" y="273"/>
                  </a:lnTo>
                  <a:lnTo>
                    <a:pt x="1338" y="270"/>
                  </a:lnTo>
                  <a:lnTo>
                    <a:pt x="1392" y="264"/>
                  </a:lnTo>
                  <a:lnTo>
                    <a:pt x="1446" y="255"/>
                  </a:lnTo>
                  <a:lnTo>
                    <a:pt x="1498" y="245"/>
                  </a:lnTo>
                  <a:lnTo>
                    <a:pt x="1552" y="233"/>
                  </a:lnTo>
                  <a:lnTo>
                    <a:pt x="1605" y="217"/>
                  </a:lnTo>
                  <a:lnTo>
                    <a:pt x="1658" y="200"/>
                  </a:lnTo>
                  <a:lnTo>
                    <a:pt x="1658" y="200"/>
                  </a:lnTo>
                  <a:lnTo>
                    <a:pt x="1651" y="257"/>
                  </a:lnTo>
                  <a:lnTo>
                    <a:pt x="1646" y="313"/>
                  </a:lnTo>
                  <a:lnTo>
                    <a:pt x="1643" y="364"/>
                  </a:lnTo>
                  <a:lnTo>
                    <a:pt x="1642" y="412"/>
                  </a:lnTo>
                  <a:lnTo>
                    <a:pt x="1642" y="412"/>
                  </a:lnTo>
                  <a:lnTo>
                    <a:pt x="1643" y="468"/>
                  </a:lnTo>
                  <a:lnTo>
                    <a:pt x="1646" y="523"/>
                  </a:lnTo>
                  <a:lnTo>
                    <a:pt x="1651" y="577"/>
                  </a:lnTo>
                  <a:lnTo>
                    <a:pt x="1658" y="631"/>
                  </a:lnTo>
                  <a:lnTo>
                    <a:pt x="1668" y="684"/>
                  </a:lnTo>
                  <a:lnTo>
                    <a:pt x="1679" y="737"/>
                  </a:lnTo>
                  <a:lnTo>
                    <a:pt x="1692" y="790"/>
                  </a:lnTo>
                  <a:lnTo>
                    <a:pt x="1707" y="841"/>
                  </a:lnTo>
                  <a:lnTo>
                    <a:pt x="1724" y="893"/>
                  </a:lnTo>
                  <a:lnTo>
                    <a:pt x="1744" y="943"/>
                  </a:lnTo>
                  <a:lnTo>
                    <a:pt x="1765" y="993"/>
                  </a:lnTo>
                  <a:lnTo>
                    <a:pt x="1789" y="1043"/>
                  </a:lnTo>
                  <a:lnTo>
                    <a:pt x="1813" y="1091"/>
                  </a:lnTo>
                  <a:lnTo>
                    <a:pt x="1841" y="1139"/>
                  </a:lnTo>
                  <a:lnTo>
                    <a:pt x="1871" y="1188"/>
                  </a:lnTo>
                  <a:lnTo>
                    <a:pt x="1901" y="1235"/>
                  </a:lnTo>
                  <a:lnTo>
                    <a:pt x="1901" y="1235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5" name="Freeform 17"/>
            <p:cNvSpPr>
              <a:spLocks/>
            </p:cNvSpPr>
            <p:nvPr/>
          </p:nvSpPr>
          <p:spPr bwMode="auto">
            <a:xfrm>
              <a:off x="781844" y="2298700"/>
              <a:ext cx="298450" cy="176213"/>
            </a:xfrm>
            <a:custGeom>
              <a:avLst/>
              <a:gdLst>
                <a:gd name="T0" fmla="*/ 4512 w 4515"/>
                <a:gd name="T1" fmla="*/ 1935 h 2674"/>
                <a:gd name="T2" fmla="*/ 4483 w 4515"/>
                <a:gd name="T3" fmla="*/ 2108 h 2674"/>
                <a:gd name="T4" fmla="*/ 4424 w 4515"/>
                <a:gd name="T5" fmla="*/ 2260 h 2674"/>
                <a:gd name="T6" fmla="*/ 4337 w 4515"/>
                <a:gd name="T7" fmla="*/ 2393 h 2674"/>
                <a:gd name="T8" fmla="*/ 4252 w 4515"/>
                <a:gd name="T9" fmla="*/ 2478 h 2674"/>
                <a:gd name="T10" fmla="*/ 4121 w 4515"/>
                <a:gd name="T11" fmla="*/ 2568 h 2674"/>
                <a:gd name="T12" fmla="*/ 3970 w 4515"/>
                <a:gd name="T13" fmla="*/ 2631 h 2674"/>
                <a:gd name="T14" fmla="*/ 3799 w 4515"/>
                <a:gd name="T15" fmla="*/ 2666 h 2674"/>
                <a:gd name="T16" fmla="*/ 856 w 4515"/>
                <a:gd name="T17" fmla="*/ 2674 h 2674"/>
                <a:gd name="T18" fmla="*/ 716 w 4515"/>
                <a:gd name="T19" fmla="*/ 2666 h 2674"/>
                <a:gd name="T20" fmla="*/ 546 w 4515"/>
                <a:gd name="T21" fmla="*/ 2631 h 2674"/>
                <a:gd name="T22" fmla="*/ 395 w 4515"/>
                <a:gd name="T23" fmla="*/ 2568 h 2674"/>
                <a:gd name="T24" fmla="*/ 264 w 4515"/>
                <a:gd name="T25" fmla="*/ 2478 h 2674"/>
                <a:gd name="T26" fmla="*/ 179 w 4515"/>
                <a:gd name="T27" fmla="*/ 2393 h 2674"/>
                <a:gd name="T28" fmla="*/ 92 w 4515"/>
                <a:gd name="T29" fmla="*/ 2260 h 2674"/>
                <a:gd name="T30" fmla="*/ 33 w 4515"/>
                <a:gd name="T31" fmla="*/ 2108 h 2674"/>
                <a:gd name="T32" fmla="*/ 4 w 4515"/>
                <a:gd name="T33" fmla="*/ 1935 h 2674"/>
                <a:gd name="T34" fmla="*/ 0 w 4515"/>
                <a:gd name="T35" fmla="*/ 1757 h 2674"/>
                <a:gd name="T36" fmla="*/ 11 w 4515"/>
                <a:gd name="T37" fmla="*/ 1509 h 2674"/>
                <a:gd name="T38" fmla="*/ 40 w 4515"/>
                <a:gd name="T39" fmla="*/ 1251 h 2674"/>
                <a:gd name="T40" fmla="*/ 74 w 4515"/>
                <a:gd name="T41" fmla="*/ 1067 h 2674"/>
                <a:gd name="T42" fmla="*/ 116 w 4515"/>
                <a:gd name="T43" fmla="*/ 892 h 2674"/>
                <a:gd name="T44" fmla="*/ 154 w 4515"/>
                <a:gd name="T45" fmla="*/ 769 h 2674"/>
                <a:gd name="T46" fmla="*/ 219 w 4515"/>
                <a:gd name="T47" fmla="*/ 612 h 2674"/>
                <a:gd name="T48" fmla="*/ 279 w 4515"/>
                <a:gd name="T49" fmla="*/ 496 h 2674"/>
                <a:gd name="T50" fmla="*/ 372 w 4515"/>
                <a:gd name="T51" fmla="*/ 355 h 2674"/>
                <a:gd name="T52" fmla="*/ 477 w 4515"/>
                <a:gd name="T53" fmla="*/ 236 h 2674"/>
                <a:gd name="T54" fmla="*/ 569 w 4515"/>
                <a:gd name="T55" fmla="*/ 161 h 2674"/>
                <a:gd name="T56" fmla="*/ 712 w 4515"/>
                <a:gd name="T57" fmla="*/ 81 h 2674"/>
                <a:gd name="T58" fmla="*/ 835 w 4515"/>
                <a:gd name="T59" fmla="*/ 36 h 2674"/>
                <a:gd name="T60" fmla="*/ 1014 w 4515"/>
                <a:gd name="T61" fmla="*/ 4 h 2674"/>
                <a:gd name="T62" fmla="*/ 1118 w 4515"/>
                <a:gd name="T63" fmla="*/ 1 h 2674"/>
                <a:gd name="T64" fmla="*/ 1179 w 4515"/>
                <a:gd name="T65" fmla="*/ 26 h 2674"/>
                <a:gd name="T66" fmla="*/ 1482 w 4515"/>
                <a:gd name="T67" fmla="*/ 223 h 2674"/>
                <a:gd name="T68" fmla="*/ 1590 w 4515"/>
                <a:gd name="T69" fmla="*/ 284 h 2674"/>
                <a:gd name="T70" fmla="*/ 1773 w 4515"/>
                <a:gd name="T71" fmla="*/ 360 h 2674"/>
                <a:gd name="T72" fmla="*/ 1933 w 4515"/>
                <a:gd name="T73" fmla="*/ 408 h 2674"/>
                <a:gd name="T74" fmla="*/ 2149 w 4515"/>
                <a:gd name="T75" fmla="*/ 443 h 2674"/>
                <a:gd name="T76" fmla="*/ 2312 w 4515"/>
                <a:gd name="T77" fmla="*/ 446 h 2674"/>
                <a:gd name="T78" fmla="*/ 2530 w 4515"/>
                <a:gd name="T79" fmla="*/ 420 h 2674"/>
                <a:gd name="T80" fmla="*/ 2691 w 4515"/>
                <a:gd name="T81" fmla="*/ 378 h 2674"/>
                <a:gd name="T82" fmla="*/ 2885 w 4515"/>
                <a:gd name="T83" fmla="*/ 304 h 2674"/>
                <a:gd name="T84" fmla="*/ 3034 w 4515"/>
                <a:gd name="T85" fmla="*/ 223 h 2674"/>
                <a:gd name="T86" fmla="*/ 3316 w 4515"/>
                <a:gd name="T87" fmla="*/ 39 h 2674"/>
                <a:gd name="T88" fmla="*/ 3385 w 4515"/>
                <a:gd name="T89" fmla="*/ 4 h 2674"/>
                <a:gd name="T90" fmla="*/ 3455 w 4515"/>
                <a:gd name="T91" fmla="*/ 1 h 2674"/>
                <a:gd name="T92" fmla="*/ 3637 w 4515"/>
                <a:gd name="T93" fmla="*/ 25 h 2674"/>
                <a:gd name="T94" fmla="*/ 3764 w 4515"/>
                <a:gd name="T95" fmla="*/ 64 h 2674"/>
                <a:gd name="T96" fmla="*/ 3913 w 4515"/>
                <a:gd name="T97" fmla="*/ 139 h 2674"/>
                <a:gd name="T98" fmla="*/ 4038 w 4515"/>
                <a:gd name="T99" fmla="*/ 236 h 2674"/>
                <a:gd name="T100" fmla="*/ 4118 w 4515"/>
                <a:gd name="T101" fmla="*/ 323 h 2674"/>
                <a:gd name="T102" fmla="*/ 4215 w 4515"/>
                <a:gd name="T103" fmla="*/ 459 h 2674"/>
                <a:gd name="T104" fmla="*/ 4277 w 4515"/>
                <a:gd name="T105" fmla="*/ 573 h 2674"/>
                <a:gd name="T106" fmla="*/ 4347 w 4515"/>
                <a:gd name="T107" fmla="*/ 729 h 2674"/>
                <a:gd name="T108" fmla="*/ 4387 w 4515"/>
                <a:gd name="T109" fmla="*/ 851 h 2674"/>
                <a:gd name="T110" fmla="*/ 4432 w 4515"/>
                <a:gd name="T111" fmla="*/ 1021 h 2674"/>
                <a:gd name="T112" fmla="*/ 4460 w 4515"/>
                <a:gd name="T113" fmla="*/ 1158 h 2674"/>
                <a:gd name="T114" fmla="*/ 4501 w 4515"/>
                <a:gd name="T115" fmla="*/ 1467 h 2674"/>
                <a:gd name="T116" fmla="*/ 4513 w 4515"/>
                <a:gd name="T117" fmla="*/ 1673 h 26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4515" h="2674">
                  <a:moveTo>
                    <a:pt x="4515" y="1842"/>
                  </a:moveTo>
                  <a:lnTo>
                    <a:pt x="4515" y="1842"/>
                  </a:lnTo>
                  <a:lnTo>
                    <a:pt x="4515" y="1889"/>
                  </a:lnTo>
                  <a:lnTo>
                    <a:pt x="4512" y="1935"/>
                  </a:lnTo>
                  <a:lnTo>
                    <a:pt x="4507" y="1980"/>
                  </a:lnTo>
                  <a:lnTo>
                    <a:pt x="4501" y="2025"/>
                  </a:lnTo>
                  <a:lnTo>
                    <a:pt x="4493" y="2067"/>
                  </a:lnTo>
                  <a:lnTo>
                    <a:pt x="4483" y="2108"/>
                  </a:lnTo>
                  <a:lnTo>
                    <a:pt x="4471" y="2148"/>
                  </a:lnTo>
                  <a:lnTo>
                    <a:pt x="4457" y="2187"/>
                  </a:lnTo>
                  <a:lnTo>
                    <a:pt x="4442" y="2224"/>
                  </a:lnTo>
                  <a:lnTo>
                    <a:pt x="4424" y="2260"/>
                  </a:lnTo>
                  <a:lnTo>
                    <a:pt x="4406" y="2295"/>
                  </a:lnTo>
                  <a:lnTo>
                    <a:pt x="4384" y="2329"/>
                  </a:lnTo>
                  <a:lnTo>
                    <a:pt x="4362" y="2361"/>
                  </a:lnTo>
                  <a:lnTo>
                    <a:pt x="4337" y="2393"/>
                  </a:lnTo>
                  <a:lnTo>
                    <a:pt x="4310" y="2422"/>
                  </a:lnTo>
                  <a:lnTo>
                    <a:pt x="4282" y="2451"/>
                  </a:lnTo>
                  <a:lnTo>
                    <a:pt x="4282" y="2451"/>
                  </a:lnTo>
                  <a:lnTo>
                    <a:pt x="4252" y="2478"/>
                  </a:lnTo>
                  <a:lnTo>
                    <a:pt x="4221" y="2503"/>
                  </a:lnTo>
                  <a:lnTo>
                    <a:pt x="4188" y="2526"/>
                  </a:lnTo>
                  <a:lnTo>
                    <a:pt x="4155" y="2549"/>
                  </a:lnTo>
                  <a:lnTo>
                    <a:pt x="4121" y="2568"/>
                  </a:lnTo>
                  <a:lnTo>
                    <a:pt x="4085" y="2587"/>
                  </a:lnTo>
                  <a:lnTo>
                    <a:pt x="4048" y="2603"/>
                  </a:lnTo>
                  <a:lnTo>
                    <a:pt x="4009" y="2619"/>
                  </a:lnTo>
                  <a:lnTo>
                    <a:pt x="3970" y="2631"/>
                  </a:lnTo>
                  <a:lnTo>
                    <a:pt x="3929" y="2642"/>
                  </a:lnTo>
                  <a:lnTo>
                    <a:pt x="3887" y="2653"/>
                  </a:lnTo>
                  <a:lnTo>
                    <a:pt x="3844" y="2660"/>
                  </a:lnTo>
                  <a:lnTo>
                    <a:pt x="3799" y="2666"/>
                  </a:lnTo>
                  <a:lnTo>
                    <a:pt x="3754" y="2670"/>
                  </a:lnTo>
                  <a:lnTo>
                    <a:pt x="3707" y="2673"/>
                  </a:lnTo>
                  <a:lnTo>
                    <a:pt x="3660" y="2674"/>
                  </a:lnTo>
                  <a:lnTo>
                    <a:pt x="856" y="2674"/>
                  </a:lnTo>
                  <a:lnTo>
                    <a:pt x="856" y="2674"/>
                  </a:lnTo>
                  <a:lnTo>
                    <a:pt x="809" y="2673"/>
                  </a:lnTo>
                  <a:lnTo>
                    <a:pt x="761" y="2670"/>
                  </a:lnTo>
                  <a:lnTo>
                    <a:pt x="716" y="2666"/>
                  </a:lnTo>
                  <a:lnTo>
                    <a:pt x="672" y="2660"/>
                  </a:lnTo>
                  <a:lnTo>
                    <a:pt x="629" y="2653"/>
                  </a:lnTo>
                  <a:lnTo>
                    <a:pt x="587" y="2642"/>
                  </a:lnTo>
                  <a:lnTo>
                    <a:pt x="546" y="2631"/>
                  </a:lnTo>
                  <a:lnTo>
                    <a:pt x="507" y="2619"/>
                  </a:lnTo>
                  <a:lnTo>
                    <a:pt x="468" y="2603"/>
                  </a:lnTo>
                  <a:lnTo>
                    <a:pt x="431" y="2587"/>
                  </a:lnTo>
                  <a:lnTo>
                    <a:pt x="395" y="2568"/>
                  </a:lnTo>
                  <a:lnTo>
                    <a:pt x="360" y="2549"/>
                  </a:lnTo>
                  <a:lnTo>
                    <a:pt x="328" y="2526"/>
                  </a:lnTo>
                  <a:lnTo>
                    <a:pt x="295" y="2503"/>
                  </a:lnTo>
                  <a:lnTo>
                    <a:pt x="264" y="2478"/>
                  </a:lnTo>
                  <a:lnTo>
                    <a:pt x="234" y="2451"/>
                  </a:lnTo>
                  <a:lnTo>
                    <a:pt x="234" y="2451"/>
                  </a:lnTo>
                  <a:lnTo>
                    <a:pt x="206" y="2422"/>
                  </a:lnTo>
                  <a:lnTo>
                    <a:pt x="179" y="2393"/>
                  </a:lnTo>
                  <a:lnTo>
                    <a:pt x="154" y="2361"/>
                  </a:lnTo>
                  <a:lnTo>
                    <a:pt x="132" y="2329"/>
                  </a:lnTo>
                  <a:lnTo>
                    <a:pt x="110" y="2295"/>
                  </a:lnTo>
                  <a:lnTo>
                    <a:pt x="92" y="2260"/>
                  </a:lnTo>
                  <a:lnTo>
                    <a:pt x="74" y="2224"/>
                  </a:lnTo>
                  <a:lnTo>
                    <a:pt x="59" y="2187"/>
                  </a:lnTo>
                  <a:lnTo>
                    <a:pt x="45" y="2148"/>
                  </a:lnTo>
                  <a:lnTo>
                    <a:pt x="33" y="2108"/>
                  </a:lnTo>
                  <a:lnTo>
                    <a:pt x="23" y="2067"/>
                  </a:lnTo>
                  <a:lnTo>
                    <a:pt x="15" y="2025"/>
                  </a:lnTo>
                  <a:lnTo>
                    <a:pt x="9" y="1980"/>
                  </a:lnTo>
                  <a:lnTo>
                    <a:pt x="4" y="1935"/>
                  </a:lnTo>
                  <a:lnTo>
                    <a:pt x="0" y="1889"/>
                  </a:lnTo>
                  <a:lnTo>
                    <a:pt x="0" y="1842"/>
                  </a:lnTo>
                  <a:lnTo>
                    <a:pt x="0" y="1842"/>
                  </a:lnTo>
                  <a:lnTo>
                    <a:pt x="0" y="1757"/>
                  </a:lnTo>
                  <a:lnTo>
                    <a:pt x="2" y="1673"/>
                  </a:lnTo>
                  <a:lnTo>
                    <a:pt x="7" y="1591"/>
                  </a:lnTo>
                  <a:lnTo>
                    <a:pt x="11" y="1509"/>
                  </a:lnTo>
                  <a:lnTo>
                    <a:pt x="11" y="1509"/>
                  </a:lnTo>
                  <a:lnTo>
                    <a:pt x="15" y="1467"/>
                  </a:lnTo>
                  <a:lnTo>
                    <a:pt x="18" y="1426"/>
                  </a:lnTo>
                  <a:lnTo>
                    <a:pt x="28" y="1340"/>
                  </a:lnTo>
                  <a:lnTo>
                    <a:pt x="40" y="1251"/>
                  </a:lnTo>
                  <a:lnTo>
                    <a:pt x="56" y="1158"/>
                  </a:lnTo>
                  <a:lnTo>
                    <a:pt x="56" y="1158"/>
                  </a:lnTo>
                  <a:lnTo>
                    <a:pt x="65" y="1112"/>
                  </a:lnTo>
                  <a:lnTo>
                    <a:pt x="74" y="1067"/>
                  </a:lnTo>
                  <a:lnTo>
                    <a:pt x="84" y="1021"/>
                  </a:lnTo>
                  <a:lnTo>
                    <a:pt x="94" y="977"/>
                  </a:lnTo>
                  <a:lnTo>
                    <a:pt x="105" y="934"/>
                  </a:lnTo>
                  <a:lnTo>
                    <a:pt x="116" y="892"/>
                  </a:lnTo>
                  <a:lnTo>
                    <a:pt x="129" y="851"/>
                  </a:lnTo>
                  <a:lnTo>
                    <a:pt x="141" y="810"/>
                  </a:lnTo>
                  <a:lnTo>
                    <a:pt x="141" y="810"/>
                  </a:lnTo>
                  <a:lnTo>
                    <a:pt x="154" y="769"/>
                  </a:lnTo>
                  <a:lnTo>
                    <a:pt x="169" y="729"/>
                  </a:lnTo>
                  <a:lnTo>
                    <a:pt x="184" y="690"/>
                  </a:lnTo>
                  <a:lnTo>
                    <a:pt x="201" y="651"/>
                  </a:lnTo>
                  <a:lnTo>
                    <a:pt x="219" y="612"/>
                  </a:lnTo>
                  <a:lnTo>
                    <a:pt x="238" y="573"/>
                  </a:lnTo>
                  <a:lnTo>
                    <a:pt x="258" y="535"/>
                  </a:lnTo>
                  <a:lnTo>
                    <a:pt x="279" y="496"/>
                  </a:lnTo>
                  <a:lnTo>
                    <a:pt x="279" y="496"/>
                  </a:lnTo>
                  <a:lnTo>
                    <a:pt x="301" y="459"/>
                  </a:lnTo>
                  <a:lnTo>
                    <a:pt x="324" y="423"/>
                  </a:lnTo>
                  <a:lnTo>
                    <a:pt x="347" y="388"/>
                  </a:lnTo>
                  <a:lnTo>
                    <a:pt x="372" y="355"/>
                  </a:lnTo>
                  <a:lnTo>
                    <a:pt x="397" y="323"/>
                  </a:lnTo>
                  <a:lnTo>
                    <a:pt x="423" y="293"/>
                  </a:lnTo>
                  <a:lnTo>
                    <a:pt x="450" y="264"/>
                  </a:lnTo>
                  <a:lnTo>
                    <a:pt x="477" y="236"/>
                  </a:lnTo>
                  <a:lnTo>
                    <a:pt x="477" y="236"/>
                  </a:lnTo>
                  <a:lnTo>
                    <a:pt x="507" y="209"/>
                  </a:lnTo>
                  <a:lnTo>
                    <a:pt x="537" y="185"/>
                  </a:lnTo>
                  <a:lnTo>
                    <a:pt x="569" y="161"/>
                  </a:lnTo>
                  <a:lnTo>
                    <a:pt x="603" y="139"/>
                  </a:lnTo>
                  <a:lnTo>
                    <a:pt x="637" y="119"/>
                  </a:lnTo>
                  <a:lnTo>
                    <a:pt x="674" y="99"/>
                  </a:lnTo>
                  <a:lnTo>
                    <a:pt x="712" y="81"/>
                  </a:lnTo>
                  <a:lnTo>
                    <a:pt x="752" y="64"/>
                  </a:lnTo>
                  <a:lnTo>
                    <a:pt x="752" y="64"/>
                  </a:lnTo>
                  <a:lnTo>
                    <a:pt x="793" y="49"/>
                  </a:lnTo>
                  <a:lnTo>
                    <a:pt x="835" y="36"/>
                  </a:lnTo>
                  <a:lnTo>
                    <a:pt x="878" y="25"/>
                  </a:lnTo>
                  <a:lnTo>
                    <a:pt x="923" y="16"/>
                  </a:lnTo>
                  <a:lnTo>
                    <a:pt x="968" y="9"/>
                  </a:lnTo>
                  <a:lnTo>
                    <a:pt x="1014" y="4"/>
                  </a:lnTo>
                  <a:lnTo>
                    <a:pt x="1061" y="1"/>
                  </a:lnTo>
                  <a:lnTo>
                    <a:pt x="1110" y="0"/>
                  </a:lnTo>
                  <a:lnTo>
                    <a:pt x="1110" y="0"/>
                  </a:lnTo>
                  <a:lnTo>
                    <a:pt x="1118" y="1"/>
                  </a:lnTo>
                  <a:lnTo>
                    <a:pt x="1131" y="4"/>
                  </a:lnTo>
                  <a:lnTo>
                    <a:pt x="1144" y="10"/>
                  </a:lnTo>
                  <a:lnTo>
                    <a:pt x="1160" y="17"/>
                  </a:lnTo>
                  <a:lnTo>
                    <a:pt x="1179" y="26"/>
                  </a:lnTo>
                  <a:lnTo>
                    <a:pt x="1199" y="39"/>
                  </a:lnTo>
                  <a:lnTo>
                    <a:pt x="1248" y="68"/>
                  </a:lnTo>
                  <a:lnTo>
                    <a:pt x="1248" y="68"/>
                  </a:lnTo>
                  <a:lnTo>
                    <a:pt x="1482" y="223"/>
                  </a:lnTo>
                  <a:lnTo>
                    <a:pt x="1482" y="223"/>
                  </a:lnTo>
                  <a:lnTo>
                    <a:pt x="1515" y="244"/>
                  </a:lnTo>
                  <a:lnTo>
                    <a:pt x="1551" y="265"/>
                  </a:lnTo>
                  <a:lnTo>
                    <a:pt x="1590" y="284"/>
                  </a:lnTo>
                  <a:lnTo>
                    <a:pt x="1631" y="304"/>
                  </a:lnTo>
                  <a:lnTo>
                    <a:pt x="1676" y="323"/>
                  </a:lnTo>
                  <a:lnTo>
                    <a:pt x="1723" y="342"/>
                  </a:lnTo>
                  <a:lnTo>
                    <a:pt x="1773" y="360"/>
                  </a:lnTo>
                  <a:lnTo>
                    <a:pt x="1825" y="378"/>
                  </a:lnTo>
                  <a:lnTo>
                    <a:pt x="1825" y="378"/>
                  </a:lnTo>
                  <a:lnTo>
                    <a:pt x="1878" y="393"/>
                  </a:lnTo>
                  <a:lnTo>
                    <a:pt x="1933" y="408"/>
                  </a:lnTo>
                  <a:lnTo>
                    <a:pt x="1986" y="420"/>
                  </a:lnTo>
                  <a:lnTo>
                    <a:pt x="2040" y="429"/>
                  </a:lnTo>
                  <a:lnTo>
                    <a:pt x="2095" y="436"/>
                  </a:lnTo>
                  <a:lnTo>
                    <a:pt x="2149" y="443"/>
                  </a:lnTo>
                  <a:lnTo>
                    <a:pt x="2204" y="446"/>
                  </a:lnTo>
                  <a:lnTo>
                    <a:pt x="2258" y="447"/>
                  </a:lnTo>
                  <a:lnTo>
                    <a:pt x="2258" y="447"/>
                  </a:lnTo>
                  <a:lnTo>
                    <a:pt x="2312" y="446"/>
                  </a:lnTo>
                  <a:lnTo>
                    <a:pt x="2367" y="443"/>
                  </a:lnTo>
                  <a:lnTo>
                    <a:pt x="2421" y="436"/>
                  </a:lnTo>
                  <a:lnTo>
                    <a:pt x="2475" y="429"/>
                  </a:lnTo>
                  <a:lnTo>
                    <a:pt x="2530" y="420"/>
                  </a:lnTo>
                  <a:lnTo>
                    <a:pt x="2583" y="408"/>
                  </a:lnTo>
                  <a:lnTo>
                    <a:pt x="2637" y="393"/>
                  </a:lnTo>
                  <a:lnTo>
                    <a:pt x="2691" y="378"/>
                  </a:lnTo>
                  <a:lnTo>
                    <a:pt x="2691" y="378"/>
                  </a:lnTo>
                  <a:lnTo>
                    <a:pt x="2743" y="360"/>
                  </a:lnTo>
                  <a:lnTo>
                    <a:pt x="2793" y="342"/>
                  </a:lnTo>
                  <a:lnTo>
                    <a:pt x="2839" y="323"/>
                  </a:lnTo>
                  <a:lnTo>
                    <a:pt x="2885" y="304"/>
                  </a:lnTo>
                  <a:lnTo>
                    <a:pt x="2926" y="284"/>
                  </a:lnTo>
                  <a:lnTo>
                    <a:pt x="2965" y="265"/>
                  </a:lnTo>
                  <a:lnTo>
                    <a:pt x="3001" y="244"/>
                  </a:lnTo>
                  <a:lnTo>
                    <a:pt x="3034" y="223"/>
                  </a:lnTo>
                  <a:lnTo>
                    <a:pt x="3034" y="223"/>
                  </a:lnTo>
                  <a:lnTo>
                    <a:pt x="3268" y="68"/>
                  </a:lnTo>
                  <a:lnTo>
                    <a:pt x="3268" y="68"/>
                  </a:lnTo>
                  <a:lnTo>
                    <a:pt x="3316" y="39"/>
                  </a:lnTo>
                  <a:lnTo>
                    <a:pt x="3337" y="26"/>
                  </a:lnTo>
                  <a:lnTo>
                    <a:pt x="3355" y="17"/>
                  </a:lnTo>
                  <a:lnTo>
                    <a:pt x="3372" y="10"/>
                  </a:lnTo>
                  <a:lnTo>
                    <a:pt x="3385" y="4"/>
                  </a:lnTo>
                  <a:lnTo>
                    <a:pt x="3397" y="1"/>
                  </a:lnTo>
                  <a:lnTo>
                    <a:pt x="3406" y="0"/>
                  </a:lnTo>
                  <a:lnTo>
                    <a:pt x="3406" y="0"/>
                  </a:lnTo>
                  <a:lnTo>
                    <a:pt x="3455" y="1"/>
                  </a:lnTo>
                  <a:lnTo>
                    <a:pt x="3502" y="4"/>
                  </a:lnTo>
                  <a:lnTo>
                    <a:pt x="3548" y="9"/>
                  </a:lnTo>
                  <a:lnTo>
                    <a:pt x="3593" y="16"/>
                  </a:lnTo>
                  <a:lnTo>
                    <a:pt x="3637" y="25"/>
                  </a:lnTo>
                  <a:lnTo>
                    <a:pt x="3681" y="36"/>
                  </a:lnTo>
                  <a:lnTo>
                    <a:pt x="3723" y="49"/>
                  </a:lnTo>
                  <a:lnTo>
                    <a:pt x="3764" y="64"/>
                  </a:lnTo>
                  <a:lnTo>
                    <a:pt x="3764" y="64"/>
                  </a:lnTo>
                  <a:lnTo>
                    <a:pt x="3804" y="81"/>
                  </a:lnTo>
                  <a:lnTo>
                    <a:pt x="3842" y="99"/>
                  </a:lnTo>
                  <a:lnTo>
                    <a:pt x="3878" y="119"/>
                  </a:lnTo>
                  <a:lnTo>
                    <a:pt x="3913" y="139"/>
                  </a:lnTo>
                  <a:lnTo>
                    <a:pt x="3947" y="161"/>
                  </a:lnTo>
                  <a:lnTo>
                    <a:pt x="3979" y="185"/>
                  </a:lnTo>
                  <a:lnTo>
                    <a:pt x="4009" y="209"/>
                  </a:lnTo>
                  <a:lnTo>
                    <a:pt x="4038" y="236"/>
                  </a:lnTo>
                  <a:lnTo>
                    <a:pt x="4038" y="236"/>
                  </a:lnTo>
                  <a:lnTo>
                    <a:pt x="4066" y="264"/>
                  </a:lnTo>
                  <a:lnTo>
                    <a:pt x="4093" y="293"/>
                  </a:lnTo>
                  <a:lnTo>
                    <a:pt x="4118" y="323"/>
                  </a:lnTo>
                  <a:lnTo>
                    <a:pt x="4144" y="355"/>
                  </a:lnTo>
                  <a:lnTo>
                    <a:pt x="4169" y="388"/>
                  </a:lnTo>
                  <a:lnTo>
                    <a:pt x="4192" y="423"/>
                  </a:lnTo>
                  <a:lnTo>
                    <a:pt x="4215" y="459"/>
                  </a:lnTo>
                  <a:lnTo>
                    <a:pt x="4236" y="496"/>
                  </a:lnTo>
                  <a:lnTo>
                    <a:pt x="4236" y="496"/>
                  </a:lnTo>
                  <a:lnTo>
                    <a:pt x="4258" y="535"/>
                  </a:lnTo>
                  <a:lnTo>
                    <a:pt x="4277" y="573"/>
                  </a:lnTo>
                  <a:lnTo>
                    <a:pt x="4297" y="612"/>
                  </a:lnTo>
                  <a:lnTo>
                    <a:pt x="4314" y="651"/>
                  </a:lnTo>
                  <a:lnTo>
                    <a:pt x="4332" y="690"/>
                  </a:lnTo>
                  <a:lnTo>
                    <a:pt x="4347" y="729"/>
                  </a:lnTo>
                  <a:lnTo>
                    <a:pt x="4362" y="769"/>
                  </a:lnTo>
                  <a:lnTo>
                    <a:pt x="4375" y="810"/>
                  </a:lnTo>
                  <a:lnTo>
                    <a:pt x="4375" y="810"/>
                  </a:lnTo>
                  <a:lnTo>
                    <a:pt x="4387" y="851"/>
                  </a:lnTo>
                  <a:lnTo>
                    <a:pt x="4400" y="892"/>
                  </a:lnTo>
                  <a:lnTo>
                    <a:pt x="4411" y="934"/>
                  </a:lnTo>
                  <a:lnTo>
                    <a:pt x="4422" y="977"/>
                  </a:lnTo>
                  <a:lnTo>
                    <a:pt x="4432" y="1021"/>
                  </a:lnTo>
                  <a:lnTo>
                    <a:pt x="4442" y="1067"/>
                  </a:lnTo>
                  <a:lnTo>
                    <a:pt x="4451" y="1112"/>
                  </a:lnTo>
                  <a:lnTo>
                    <a:pt x="4460" y="1158"/>
                  </a:lnTo>
                  <a:lnTo>
                    <a:pt x="4460" y="1158"/>
                  </a:lnTo>
                  <a:lnTo>
                    <a:pt x="4475" y="1251"/>
                  </a:lnTo>
                  <a:lnTo>
                    <a:pt x="4488" y="1340"/>
                  </a:lnTo>
                  <a:lnTo>
                    <a:pt x="4498" y="1426"/>
                  </a:lnTo>
                  <a:lnTo>
                    <a:pt x="4501" y="1467"/>
                  </a:lnTo>
                  <a:lnTo>
                    <a:pt x="4505" y="1509"/>
                  </a:lnTo>
                  <a:lnTo>
                    <a:pt x="4505" y="1509"/>
                  </a:lnTo>
                  <a:lnTo>
                    <a:pt x="4509" y="1591"/>
                  </a:lnTo>
                  <a:lnTo>
                    <a:pt x="4513" y="1673"/>
                  </a:lnTo>
                  <a:lnTo>
                    <a:pt x="4515" y="1757"/>
                  </a:lnTo>
                  <a:lnTo>
                    <a:pt x="4515" y="1842"/>
                  </a:lnTo>
                  <a:lnTo>
                    <a:pt x="4515" y="1842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6" name="Freeform 18"/>
            <p:cNvSpPr>
              <a:spLocks/>
            </p:cNvSpPr>
            <p:nvPr/>
          </p:nvSpPr>
          <p:spPr bwMode="auto">
            <a:xfrm>
              <a:off x="754856" y="2093913"/>
              <a:ext cx="109538" cy="109538"/>
            </a:xfrm>
            <a:custGeom>
              <a:avLst/>
              <a:gdLst>
                <a:gd name="T0" fmla="*/ 1641 w 1642"/>
                <a:gd name="T1" fmla="*/ 865 h 1645"/>
                <a:gd name="T2" fmla="*/ 1628 w 1642"/>
                <a:gd name="T3" fmla="*/ 987 h 1645"/>
                <a:gd name="T4" fmla="*/ 1596 w 1642"/>
                <a:gd name="T5" fmla="*/ 1102 h 1645"/>
                <a:gd name="T6" fmla="*/ 1549 w 1642"/>
                <a:gd name="T7" fmla="*/ 1210 h 1645"/>
                <a:gd name="T8" fmla="*/ 1484 w 1642"/>
                <a:gd name="T9" fmla="*/ 1310 h 1645"/>
                <a:gd name="T10" fmla="*/ 1402 w 1642"/>
                <a:gd name="T11" fmla="*/ 1405 h 1645"/>
                <a:gd name="T12" fmla="*/ 1341 w 1642"/>
                <a:gd name="T13" fmla="*/ 1461 h 1645"/>
                <a:gd name="T14" fmla="*/ 1242 w 1642"/>
                <a:gd name="T15" fmla="*/ 1531 h 1645"/>
                <a:gd name="T16" fmla="*/ 1137 w 1642"/>
                <a:gd name="T17" fmla="*/ 1586 h 1645"/>
                <a:gd name="T18" fmla="*/ 1025 w 1642"/>
                <a:gd name="T19" fmla="*/ 1622 h 1645"/>
                <a:gd name="T20" fmla="*/ 905 w 1642"/>
                <a:gd name="T21" fmla="*/ 1642 h 1645"/>
                <a:gd name="T22" fmla="*/ 822 w 1642"/>
                <a:gd name="T23" fmla="*/ 1645 h 1645"/>
                <a:gd name="T24" fmla="*/ 698 w 1642"/>
                <a:gd name="T25" fmla="*/ 1637 h 1645"/>
                <a:gd name="T26" fmla="*/ 581 w 1642"/>
                <a:gd name="T27" fmla="*/ 1612 h 1645"/>
                <a:gd name="T28" fmla="*/ 471 w 1642"/>
                <a:gd name="T29" fmla="*/ 1569 h 1645"/>
                <a:gd name="T30" fmla="*/ 367 w 1642"/>
                <a:gd name="T31" fmla="*/ 1510 h 1645"/>
                <a:gd name="T32" fmla="*/ 271 w 1642"/>
                <a:gd name="T33" fmla="*/ 1434 h 1645"/>
                <a:gd name="T34" fmla="*/ 211 w 1642"/>
                <a:gd name="T35" fmla="*/ 1374 h 1645"/>
                <a:gd name="T36" fmla="*/ 136 w 1642"/>
                <a:gd name="T37" fmla="*/ 1277 h 1645"/>
                <a:gd name="T38" fmla="*/ 76 w 1642"/>
                <a:gd name="T39" fmla="*/ 1175 h 1645"/>
                <a:gd name="T40" fmla="*/ 34 w 1642"/>
                <a:gd name="T41" fmla="*/ 1065 h 1645"/>
                <a:gd name="T42" fmla="*/ 9 w 1642"/>
                <a:gd name="T43" fmla="*/ 947 h 1645"/>
                <a:gd name="T44" fmla="*/ 0 w 1642"/>
                <a:gd name="T45" fmla="*/ 823 h 1645"/>
                <a:gd name="T46" fmla="*/ 4 w 1642"/>
                <a:gd name="T47" fmla="*/ 739 h 1645"/>
                <a:gd name="T48" fmla="*/ 24 w 1642"/>
                <a:gd name="T49" fmla="*/ 620 h 1645"/>
                <a:gd name="T50" fmla="*/ 61 w 1642"/>
                <a:gd name="T51" fmla="*/ 507 h 1645"/>
                <a:gd name="T52" fmla="*/ 114 w 1642"/>
                <a:gd name="T53" fmla="*/ 402 h 1645"/>
                <a:gd name="T54" fmla="*/ 185 w 1642"/>
                <a:gd name="T55" fmla="*/ 303 h 1645"/>
                <a:gd name="T56" fmla="*/ 241 w 1642"/>
                <a:gd name="T57" fmla="*/ 241 h 1645"/>
                <a:gd name="T58" fmla="*/ 335 w 1642"/>
                <a:gd name="T59" fmla="*/ 159 h 1645"/>
                <a:gd name="T60" fmla="*/ 435 w 1642"/>
                <a:gd name="T61" fmla="*/ 94 h 1645"/>
                <a:gd name="T62" fmla="*/ 543 w 1642"/>
                <a:gd name="T63" fmla="*/ 46 h 1645"/>
                <a:gd name="T64" fmla="*/ 658 w 1642"/>
                <a:gd name="T65" fmla="*/ 15 h 1645"/>
                <a:gd name="T66" fmla="*/ 780 w 1642"/>
                <a:gd name="T67" fmla="*/ 1 h 1645"/>
                <a:gd name="T68" fmla="*/ 864 w 1642"/>
                <a:gd name="T69" fmla="*/ 1 h 1645"/>
                <a:gd name="T70" fmla="*/ 985 w 1642"/>
                <a:gd name="T71" fmla="*/ 15 h 1645"/>
                <a:gd name="T72" fmla="*/ 1100 w 1642"/>
                <a:gd name="T73" fmla="*/ 46 h 1645"/>
                <a:gd name="T74" fmla="*/ 1207 w 1642"/>
                <a:gd name="T75" fmla="*/ 94 h 1645"/>
                <a:gd name="T76" fmla="*/ 1308 w 1642"/>
                <a:gd name="T77" fmla="*/ 159 h 1645"/>
                <a:gd name="T78" fmla="*/ 1402 w 1642"/>
                <a:gd name="T79" fmla="*/ 241 h 1645"/>
                <a:gd name="T80" fmla="*/ 1459 w 1642"/>
                <a:gd name="T81" fmla="*/ 303 h 1645"/>
                <a:gd name="T82" fmla="*/ 1528 w 1642"/>
                <a:gd name="T83" fmla="*/ 402 h 1645"/>
                <a:gd name="T84" fmla="*/ 1583 w 1642"/>
                <a:gd name="T85" fmla="*/ 507 h 1645"/>
                <a:gd name="T86" fmla="*/ 1619 w 1642"/>
                <a:gd name="T87" fmla="*/ 620 h 1645"/>
                <a:gd name="T88" fmla="*/ 1639 w 1642"/>
                <a:gd name="T89" fmla="*/ 739 h 1645"/>
                <a:gd name="T90" fmla="*/ 1642 w 1642"/>
                <a:gd name="T91" fmla="*/ 823 h 16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</a:cxnLst>
              <a:rect l="0" t="0" r="r" b="b"/>
              <a:pathLst>
                <a:path w="1642" h="1645">
                  <a:moveTo>
                    <a:pt x="1642" y="823"/>
                  </a:moveTo>
                  <a:lnTo>
                    <a:pt x="1642" y="823"/>
                  </a:lnTo>
                  <a:lnTo>
                    <a:pt x="1641" y="865"/>
                  </a:lnTo>
                  <a:lnTo>
                    <a:pt x="1639" y="906"/>
                  </a:lnTo>
                  <a:lnTo>
                    <a:pt x="1634" y="947"/>
                  </a:lnTo>
                  <a:lnTo>
                    <a:pt x="1628" y="987"/>
                  </a:lnTo>
                  <a:lnTo>
                    <a:pt x="1619" y="1026"/>
                  </a:lnTo>
                  <a:lnTo>
                    <a:pt x="1608" y="1065"/>
                  </a:lnTo>
                  <a:lnTo>
                    <a:pt x="1596" y="1102"/>
                  </a:lnTo>
                  <a:lnTo>
                    <a:pt x="1583" y="1139"/>
                  </a:lnTo>
                  <a:lnTo>
                    <a:pt x="1566" y="1175"/>
                  </a:lnTo>
                  <a:lnTo>
                    <a:pt x="1549" y="1210"/>
                  </a:lnTo>
                  <a:lnTo>
                    <a:pt x="1528" y="1245"/>
                  </a:lnTo>
                  <a:lnTo>
                    <a:pt x="1507" y="1277"/>
                  </a:lnTo>
                  <a:lnTo>
                    <a:pt x="1484" y="1310"/>
                  </a:lnTo>
                  <a:lnTo>
                    <a:pt x="1459" y="1343"/>
                  </a:lnTo>
                  <a:lnTo>
                    <a:pt x="1431" y="1374"/>
                  </a:lnTo>
                  <a:lnTo>
                    <a:pt x="1402" y="1405"/>
                  </a:lnTo>
                  <a:lnTo>
                    <a:pt x="1402" y="1405"/>
                  </a:lnTo>
                  <a:lnTo>
                    <a:pt x="1371" y="1434"/>
                  </a:lnTo>
                  <a:lnTo>
                    <a:pt x="1341" y="1461"/>
                  </a:lnTo>
                  <a:lnTo>
                    <a:pt x="1308" y="1486"/>
                  </a:lnTo>
                  <a:lnTo>
                    <a:pt x="1275" y="1510"/>
                  </a:lnTo>
                  <a:lnTo>
                    <a:pt x="1242" y="1531"/>
                  </a:lnTo>
                  <a:lnTo>
                    <a:pt x="1207" y="1552"/>
                  </a:lnTo>
                  <a:lnTo>
                    <a:pt x="1172" y="1569"/>
                  </a:lnTo>
                  <a:lnTo>
                    <a:pt x="1137" y="1586"/>
                  </a:lnTo>
                  <a:lnTo>
                    <a:pt x="1100" y="1599"/>
                  </a:lnTo>
                  <a:lnTo>
                    <a:pt x="1063" y="1612"/>
                  </a:lnTo>
                  <a:lnTo>
                    <a:pt x="1025" y="1622"/>
                  </a:lnTo>
                  <a:lnTo>
                    <a:pt x="985" y="1631"/>
                  </a:lnTo>
                  <a:lnTo>
                    <a:pt x="946" y="1637"/>
                  </a:lnTo>
                  <a:lnTo>
                    <a:pt x="905" y="1642"/>
                  </a:lnTo>
                  <a:lnTo>
                    <a:pt x="864" y="1644"/>
                  </a:lnTo>
                  <a:lnTo>
                    <a:pt x="822" y="1645"/>
                  </a:lnTo>
                  <a:lnTo>
                    <a:pt x="822" y="1645"/>
                  </a:lnTo>
                  <a:lnTo>
                    <a:pt x="780" y="1644"/>
                  </a:lnTo>
                  <a:lnTo>
                    <a:pt x="738" y="1642"/>
                  </a:lnTo>
                  <a:lnTo>
                    <a:pt x="698" y="1637"/>
                  </a:lnTo>
                  <a:lnTo>
                    <a:pt x="658" y="1631"/>
                  </a:lnTo>
                  <a:lnTo>
                    <a:pt x="619" y="1622"/>
                  </a:lnTo>
                  <a:lnTo>
                    <a:pt x="581" y="1612"/>
                  </a:lnTo>
                  <a:lnTo>
                    <a:pt x="543" y="1599"/>
                  </a:lnTo>
                  <a:lnTo>
                    <a:pt x="507" y="1586"/>
                  </a:lnTo>
                  <a:lnTo>
                    <a:pt x="471" y="1569"/>
                  </a:lnTo>
                  <a:lnTo>
                    <a:pt x="435" y="1552"/>
                  </a:lnTo>
                  <a:lnTo>
                    <a:pt x="401" y="1531"/>
                  </a:lnTo>
                  <a:lnTo>
                    <a:pt x="367" y="1510"/>
                  </a:lnTo>
                  <a:lnTo>
                    <a:pt x="335" y="1486"/>
                  </a:lnTo>
                  <a:lnTo>
                    <a:pt x="303" y="1461"/>
                  </a:lnTo>
                  <a:lnTo>
                    <a:pt x="271" y="1434"/>
                  </a:lnTo>
                  <a:lnTo>
                    <a:pt x="241" y="1405"/>
                  </a:lnTo>
                  <a:lnTo>
                    <a:pt x="241" y="1405"/>
                  </a:lnTo>
                  <a:lnTo>
                    <a:pt x="211" y="1374"/>
                  </a:lnTo>
                  <a:lnTo>
                    <a:pt x="185" y="1343"/>
                  </a:lnTo>
                  <a:lnTo>
                    <a:pt x="159" y="1310"/>
                  </a:lnTo>
                  <a:lnTo>
                    <a:pt x="136" y="1277"/>
                  </a:lnTo>
                  <a:lnTo>
                    <a:pt x="114" y="1245"/>
                  </a:lnTo>
                  <a:lnTo>
                    <a:pt x="95" y="1210"/>
                  </a:lnTo>
                  <a:lnTo>
                    <a:pt x="76" y="1175"/>
                  </a:lnTo>
                  <a:lnTo>
                    <a:pt x="61" y="1139"/>
                  </a:lnTo>
                  <a:lnTo>
                    <a:pt x="46" y="1102"/>
                  </a:lnTo>
                  <a:lnTo>
                    <a:pt x="34" y="1065"/>
                  </a:lnTo>
                  <a:lnTo>
                    <a:pt x="24" y="1026"/>
                  </a:lnTo>
                  <a:lnTo>
                    <a:pt x="16" y="987"/>
                  </a:lnTo>
                  <a:lnTo>
                    <a:pt x="9" y="947"/>
                  </a:lnTo>
                  <a:lnTo>
                    <a:pt x="4" y="906"/>
                  </a:lnTo>
                  <a:lnTo>
                    <a:pt x="1" y="865"/>
                  </a:lnTo>
                  <a:lnTo>
                    <a:pt x="0" y="823"/>
                  </a:lnTo>
                  <a:lnTo>
                    <a:pt x="0" y="823"/>
                  </a:lnTo>
                  <a:lnTo>
                    <a:pt x="1" y="781"/>
                  </a:lnTo>
                  <a:lnTo>
                    <a:pt x="4" y="739"/>
                  </a:lnTo>
                  <a:lnTo>
                    <a:pt x="9" y="699"/>
                  </a:lnTo>
                  <a:lnTo>
                    <a:pt x="16" y="659"/>
                  </a:lnTo>
                  <a:lnTo>
                    <a:pt x="24" y="620"/>
                  </a:lnTo>
                  <a:lnTo>
                    <a:pt x="34" y="582"/>
                  </a:lnTo>
                  <a:lnTo>
                    <a:pt x="46" y="544"/>
                  </a:lnTo>
                  <a:lnTo>
                    <a:pt x="61" y="507"/>
                  </a:lnTo>
                  <a:lnTo>
                    <a:pt x="76" y="471"/>
                  </a:lnTo>
                  <a:lnTo>
                    <a:pt x="95" y="436"/>
                  </a:lnTo>
                  <a:lnTo>
                    <a:pt x="114" y="402"/>
                  </a:lnTo>
                  <a:lnTo>
                    <a:pt x="136" y="368"/>
                  </a:lnTo>
                  <a:lnTo>
                    <a:pt x="159" y="335"/>
                  </a:lnTo>
                  <a:lnTo>
                    <a:pt x="185" y="303"/>
                  </a:lnTo>
                  <a:lnTo>
                    <a:pt x="211" y="271"/>
                  </a:lnTo>
                  <a:lnTo>
                    <a:pt x="241" y="241"/>
                  </a:lnTo>
                  <a:lnTo>
                    <a:pt x="241" y="241"/>
                  </a:lnTo>
                  <a:lnTo>
                    <a:pt x="271" y="212"/>
                  </a:lnTo>
                  <a:lnTo>
                    <a:pt x="303" y="185"/>
                  </a:lnTo>
                  <a:lnTo>
                    <a:pt x="335" y="159"/>
                  </a:lnTo>
                  <a:lnTo>
                    <a:pt x="367" y="135"/>
                  </a:lnTo>
                  <a:lnTo>
                    <a:pt x="401" y="114"/>
                  </a:lnTo>
                  <a:lnTo>
                    <a:pt x="435" y="94"/>
                  </a:lnTo>
                  <a:lnTo>
                    <a:pt x="471" y="76"/>
                  </a:lnTo>
                  <a:lnTo>
                    <a:pt x="507" y="60"/>
                  </a:lnTo>
                  <a:lnTo>
                    <a:pt x="543" y="46"/>
                  </a:lnTo>
                  <a:lnTo>
                    <a:pt x="581" y="34"/>
                  </a:lnTo>
                  <a:lnTo>
                    <a:pt x="619" y="23"/>
                  </a:lnTo>
                  <a:lnTo>
                    <a:pt x="658" y="15"/>
                  </a:lnTo>
                  <a:lnTo>
                    <a:pt x="698" y="8"/>
                  </a:lnTo>
                  <a:lnTo>
                    <a:pt x="738" y="4"/>
                  </a:lnTo>
                  <a:lnTo>
                    <a:pt x="780" y="1"/>
                  </a:lnTo>
                  <a:lnTo>
                    <a:pt x="822" y="0"/>
                  </a:lnTo>
                  <a:lnTo>
                    <a:pt x="822" y="0"/>
                  </a:lnTo>
                  <a:lnTo>
                    <a:pt x="864" y="1"/>
                  </a:lnTo>
                  <a:lnTo>
                    <a:pt x="905" y="4"/>
                  </a:lnTo>
                  <a:lnTo>
                    <a:pt x="946" y="8"/>
                  </a:lnTo>
                  <a:lnTo>
                    <a:pt x="985" y="15"/>
                  </a:lnTo>
                  <a:lnTo>
                    <a:pt x="1025" y="23"/>
                  </a:lnTo>
                  <a:lnTo>
                    <a:pt x="1063" y="34"/>
                  </a:lnTo>
                  <a:lnTo>
                    <a:pt x="1100" y="46"/>
                  </a:lnTo>
                  <a:lnTo>
                    <a:pt x="1137" y="60"/>
                  </a:lnTo>
                  <a:lnTo>
                    <a:pt x="1172" y="76"/>
                  </a:lnTo>
                  <a:lnTo>
                    <a:pt x="1207" y="94"/>
                  </a:lnTo>
                  <a:lnTo>
                    <a:pt x="1242" y="114"/>
                  </a:lnTo>
                  <a:lnTo>
                    <a:pt x="1275" y="135"/>
                  </a:lnTo>
                  <a:lnTo>
                    <a:pt x="1308" y="159"/>
                  </a:lnTo>
                  <a:lnTo>
                    <a:pt x="1341" y="185"/>
                  </a:lnTo>
                  <a:lnTo>
                    <a:pt x="1371" y="212"/>
                  </a:lnTo>
                  <a:lnTo>
                    <a:pt x="1402" y="241"/>
                  </a:lnTo>
                  <a:lnTo>
                    <a:pt x="1402" y="241"/>
                  </a:lnTo>
                  <a:lnTo>
                    <a:pt x="1431" y="271"/>
                  </a:lnTo>
                  <a:lnTo>
                    <a:pt x="1459" y="303"/>
                  </a:lnTo>
                  <a:lnTo>
                    <a:pt x="1484" y="335"/>
                  </a:lnTo>
                  <a:lnTo>
                    <a:pt x="1507" y="368"/>
                  </a:lnTo>
                  <a:lnTo>
                    <a:pt x="1528" y="402"/>
                  </a:lnTo>
                  <a:lnTo>
                    <a:pt x="1549" y="436"/>
                  </a:lnTo>
                  <a:lnTo>
                    <a:pt x="1566" y="471"/>
                  </a:lnTo>
                  <a:lnTo>
                    <a:pt x="1583" y="507"/>
                  </a:lnTo>
                  <a:lnTo>
                    <a:pt x="1596" y="544"/>
                  </a:lnTo>
                  <a:lnTo>
                    <a:pt x="1608" y="582"/>
                  </a:lnTo>
                  <a:lnTo>
                    <a:pt x="1619" y="620"/>
                  </a:lnTo>
                  <a:lnTo>
                    <a:pt x="1628" y="659"/>
                  </a:lnTo>
                  <a:lnTo>
                    <a:pt x="1634" y="699"/>
                  </a:lnTo>
                  <a:lnTo>
                    <a:pt x="1639" y="739"/>
                  </a:lnTo>
                  <a:lnTo>
                    <a:pt x="1641" y="781"/>
                  </a:lnTo>
                  <a:lnTo>
                    <a:pt x="1642" y="823"/>
                  </a:lnTo>
                  <a:lnTo>
                    <a:pt x="1642" y="82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7" name="Freeform 19"/>
            <p:cNvSpPr>
              <a:spLocks/>
            </p:cNvSpPr>
            <p:nvPr/>
          </p:nvSpPr>
          <p:spPr bwMode="auto">
            <a:xfrm>
              <a:off x="850106" y="2149475"/>
              <a:ext cx="163513" cy="163513"/>
            </a:xfrm>
            <a:custGeom>
              <a:avLst/>
              <a:gdLst>
                <a:gd name="T0" fmla="*/ 2461 w 2464"/>
                <a:gd name="T1" fmla="*/ 1328 h 2468"/>
                <a:gd name="T2" fmla="*/ 2441 w 2464"/>
                <a:gd name="T3" fmla="*/ 1480 h 2468"/>
                <a:gd name="T4" fmla="*/ 2404 w 2464"/>
                <a:gd name="T5" fmla="*/ 1624 h 2468"/>
                <a:gd name="T6" fmla="*/ 2349 w 2464"/>
                <a:gd name="T7" fmla="*/ 1762 h 2468"/>
                <a:gd name="T8" fmla="*/ 2277 w 2464"/>
                <a:gd name="T9" fmla="*/ 1891 h 2468"/>
                <a:gd name="T10" fmla="*/ 2187 w 2464"/>
                <a:gd name="T11" fmla="*/ 2014 h 2468"/>
                <a:gd name="T12" fmla="*/ 2103 w 2464"/>
                <a:gd name="T13" fmla="*/ 2106 h 2468"/>
                <a:gd name="T14" fmla="*/ 1987 w 2464"/>
                <a:gd name="T15" fmla="*/ 2211 h 2468"/>
                <a:gd name="T16" fmla="*/ 1863 w 2464"/>
                <a:gd name="T17" fmla="*/ 2298 h 2468"/>
                <a:gd name="T18" fmla="*/ 1731 w 2464"/>
                <a:gd name="T19" fmla="*/ 2366 h 2468"/>
                <a:gd name="T20" fmla="*/ 1593 w 2464"/>
                <a:gd name="T21" fmla="*/ 2418 h 2468"/>
                <a:gd name="T22" fmla="*/ 1448 w 2464"/>
                <a:gd name="T23" fmla="*/ 2451 h 2468"/>
                <a:gd name="T24" fmla="*/ 1296 w 2464"/>
                <a:gd name="T25" fmla="*/ 2467 h 2468"/>
                <a:gd name="T26" fmla="*/ 1168 w 2464"/>
                <a:gd name="T27" fmla="*/ 2467 h 2468"/>
                <a:gd name="T28" fmla="*/ 1016 w 2464"/>
                <a:gd name="T29" fmla="*/ 2451 h 2468"/>
                <a:gd name="T30" fmla="*/ 871 w 2464"/>
                <a:gd name="T31" fmla="*/ 2418 h 2468"/>
                <a:gd name="T32" fmla="*/ 732 w 2464"/>
                <a:gd name="T33" fmla="*/ 2366 h 2468"/>
                <a:gd name="T34" fmla="*/ 601 w 2464"/>
                <a:gd name="T35" fmla="*/ 2298 h 2468"/>
                <a:gd name="T36" fmla="*/ 477 w 2464"/>
                <a:gd name="T37" fmla="*/ 2211 h 2468"/>
                <a:gd name="T38" fmla="*/ 361 w 2464"/>
                <a:gd name="T39" fmla="*/ 2106 h 2468"/>
                <a:gd name="T40" fmla="*/ 277 w 2464"/>
                <a:gd name="T41" fmla="*/ 2014 h 2468"/>
                <a:gd name="T42" fmla="*/ 187 w 2464"/>
                <a:gd name="T43" fmla="*/ 1891 h 2468"/>
                <a:gd name="T44" fmla="*/ 115 w 2464"/>
                <a:gd name="T45" fmla="*/ 1762 h 2468"/>
                <a:gd name="T46" fmla="*/ 60 w 2464"/>
                <a:gd name="T47" fmla="*/ 1624 h 2468"/>
                <a:gd name="T48" fmla="*/ 23 w 2464"/>
                <a:gd name="T49" fmla="*/ 1480 h 2468"/>
                <a:gd name="T50" fmla="*/ 3 w 2464"/>
                <a:gd name="T51" fmla="*/ 1328 h 2468"/>
                <a:gd name="T52" fmla="*/ 1 w 2464"/>
                <a:gd name="T53" fmla="*/ 1203 h 2468"/>
                <a:gd name="T54" fmla="*/ 13 w 2464"/>
                <a:gd name="T55" fmla="*/ 1048 h 2468"/>
                <a:gd name="T56" fmla="*/ 43 w 2464"/>
                <a:gd name="T57" fmla="*/ 901 h 2468"/>
                <a:gd name="T58" fmla="*/ 90 w 2464"/>
                <a:gd name="T59" fmla="*/ 761 h 2468"/>
                <a:gd name="T60" fmla="*/ 156 w 2464"/>
                <a:gd name="T61" fmla="*/ 628 h 2468"/>
                <a:gd name="T62" fmla="*/ 238 w 2464"/>
                <a:gd name="T63" fmla="*/ 502 h 2468"/>
                <a:gd name="T64" fmla="*/ 339 w 2464"/>
                <a:gd name="T65" fmla="*/ 385 h 2468"/>
                <a:gd name="T66" fmla="*/ 430 w 2464"/>
                <a:gd name="T67" fmla="*/ 297 h 2468"/>
                <a:gd name="T68" fmla="*/ 551 w 2464"/>
                <a:gd name="T69" fmla="*/ 204 h 2468"/>
                <a:gd name="T70" fmla="*/ 679 w 2464"/>
                <a:gd name="T71" fmla="*/ 128 h 2468"/>
                <a:gd name="T72" fmla="*/ 814 w 2464"/>
                <a:gd name="T73" fmla="*/ 69 h 2468"/>
                <a:gd name="T74" fmla="*/ 957 w 2464"/>
                <a:gd name="T75" fmla="*/ 28 h 2468"/>
                <a:gd name="T76" fmla="*/ 1107 w 2464"/>
                <a:gd name="T77" fmla="*/ 5 h 2468"/>
                <a:gd name="T78" fmla="*/ 1232 w 2464"/>
                <a:gd name="T79" fmla="*/ 0 h 2468"/>
                <a:gd name="T80" fmla="*/ 1388 w 2464"/>
                <a:gd name="T81" fmla="*/ 8 h 2468"/>
                <a:gd name="T82" fmla="*/ 1537 w 2464"/>
                <a:gd name="T83" fmla="*/ 35 h 2468"/>
                <a:gd name="T84" fmla="*/ 1677 w 2464"/>
                <a:gd name="T85" fmla="*/ 79 h 2468"/>
                <a:gd name="T86" fmla="*/ 1811 w 2464"/>
                <a:gd name="T87" fmla="*/ 141 h 2468"/>
                <a:gd name="T88" fmla="*/ 1938 w 2464"/>
                <a:gd name="T89" fmla="*/ 220 h 2468"/>
                <a:gd name="T90" fmla="*/ 2057 w 2464"/>
                <a:gd name="T91" fmla="*/ 318 h 2468"/>
                <a:gd name="T92" fmla="*/ 2147 w 2464"/>
                <a:gd name="T93" fmla="*/ 407 h 2468"/>
                <a:gd name="T94" fmla="*/ 2243 w 2464"/>
                <a:gd name="T95" fmla="*/ 526 h 2468"/>
                <a:gd name="T96" fmla="*/ 2322 w 2464"/>
                <a:gd name="T97" fmla="*/ 654 h 2468"/>
                <a:gd name="T98" fmla="*/ 2385 w 2464"/>
                <a:gd name="T99" fmla="*/ 788 h 2468"/>
                <a:gd name="T100" fmla="*/ 2428 w 2464"/>
                <a:gd name="T101" fmla="*/ 929 h 2468"/>
                <a:gd name="T102" fmla="*/ 2455 w 2464"/>
                <a:gd name="T103" fmla="*/ 1078 h 2468"/>
                <a:gd name="T104" fmla="*/ 2464 w 2464"/>
                <a:gd name="T105" fmla="*/ 1234 h 24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464" h="2468">
                  <a:moveTo>
                    <a:pt x="2464" y="1234"/>
                  </a:moveTo>
                  <a:lnTo>
                    <a:pt x="2464" y="1234"/>
                  </a:lnTo>
                  <a:lnTo>
                    <a:pt x="2463" y="1265"/>
                  </a:lnTo>
                  <a:lnTo>
                    <a:pt x="2462" y="1297"/>
                  </a:lnTo>
                  <a:lnTo>
                    <a:pt x="2461" y="1328"/>
                  </a:lnTo>
                  <a:lnTo>
                    <a:pt x="2458" y="1359"/>
                  </a:lnTo>
                  <a:lnTo>
                    <a:pt x="2455" y="1390"/>
                  </a:lnTo>
                  <a:lnTo>
                    <a:pt x="2450" y="1421"/>
                  </a:lnTo>
                  <a:lnTo>
                    <a:pt x="2446" y="1451"/>
                  </a:lnTo>
                  <a:lnTo>
                    <a:pt x="2441" y="1480"/>
                  </a:lnTo>
                  <a:lnTo>
                    <a:pt x="2435" y="1510"/>
                  </a:lnTo>
                  <a:lnTo>
                    <a:pt x="2428" y="1539"/>
                  </a:lnTo>
                  <a:lnTo>
                    <a:pt x="2421" y="1568"/>
                  </a:lnTo>
                  <a:lnTo>
                    <a:pt x="2412" y="1596"/>
                  </a:lnTo>
                  <a:lnTo>
                    <a:pt x="2404" y="1624"/>
                  </a:lnTo>
                  <a:lnTo>
                    <a:pt x="2394" y="1653"/>
                  </a:lnTo>
                  <a:lnTo>
                    <a:pt x="2385" y="1681"/>
                  </a:lnTo>
                  <a:lnTo>
                    <a:pt x="2373" y="1708"/>
                  </a:lnTo>
                  <a:lnTo>
                    <a:pt x="2362" y="1735"/>
                  </a:lnTo>
                  <a:lnTo>
                    <a:pt x="2349" y="1762"/>
                  </a:lnTo>
                  <a:lnTo>
                    <a:pt x="2337" y="1789"/>
                  </a:lnTo>
                  <a:lnTo>
                    <a:pt x="2322" y="1814"/>
                  </a:lnTo>
                  <a:lnTo>
                    <a:pt x="2308" y="1840"/>
                  </a:lnTo>
                  <a:lnTo>
                    <a:pt x="2293" y="1866"/>
                  </a:lnTo>
                  <a:lnTo>
                    <a:pt x="2277" y="1891"/>
                  </a:lnTo>
                  <a:lnTo>
                    <a:pt x="2261" y="1916"/>
                  </a:lnTo>
                  <a:lnTo>
                    <a:pt x="2243" y="1942"/>
                  </a:lnTo>
                  <a:lnTo>
                    <a:pt x="2226" y="1966"/>
                  </a:lnTo>
                  <a:lnTo>
                    <a:pt x="2206" y="1990"/>
                  </a:lnTo>
                  <a:lnTo>
                    <a:pt x="2187" y="2014"/>
                  </a:lnTo>
                  <a:lnTo>
                    <a:pt x="2167" y="2037"/>
                  </a:lnTo>
                  <a:lnTo>
                    <a:pt x="2147" y="2061"/>
                  </a:lnTo>
                  <a:lnTo>
                    <a:pt x="2125" y="2084"/>
                  </a:lnTo>
                  <a:lnTo>
                    <a:pt x="2103" y="2106"/>
                  </a:lnTo>
                  <a:lnTo>
                    <a:pt x="2103" y="2106"/>
                  </a:lnTo>
                  <a:lnTo>
                    <a:pt x="2080" y="2129"/>
                  </a:lnTo>
                  <a:lnTo>
                    <a:pt x="2057" y="2151"/>
                  </a:lnTo>
                  <a:lnTo>
                    <a:pt x="2034" y="2171"/>
                  </a:lnTo>
                  <a:lnTo>
                    <a:pt x="2010" y="2192"/>
                  </a:lnTo>
                  <a:lnTo>
                    <a:pt x="1987" y="2211"/>
                  </a:lnTo>
                  <a:lnTo>
                    <a:pt x="1962" y="2230"/>
                  </a:lnTo>
                  <a:lnTo>
                    <a:pt x="1938" y="2248"/>
                  </a:lnTo>
                  <a:lnTo>
                    <a:pt x="1913" y="2265"/>
                  </a:lnTo>
                  <a:lnTo>
                    <a:pt x="1888" y="2282"/>
                  </a:lnTo>
                  <a:lnTo>
                    <a:pt x="1863" y="2298"/>
                  </a:lnTo>
                  <a:lnTo>
                    <a:pt x="1837" y="2313"/>
                  </a:lnTo>
                  <a:lnTo>
                    <a:pt x="1811" y="2327"/>
                  </a:lnTo>
                  <a:lnTo>
                    <a:pt x="1785" y="2341"/>
                  </a:lnTo>
                  <a:lnTo>
                    <a:pt x="1758" y="2354"/>
                  </a:lnTo>
                  <a:lnTo>
                    <a:pt x="1731" y="2366"/>
                  </a:lnTo>
                  <a:lnTo>
                    <a:pt x="1705" y="2378"/>
                  </a:lnTo>
                  <a:lnTo>
                    <a:pt x="1677" y="2389"/>
                  </a:lnTo>
                  <a:lnTo>
                    <a:pt x="1649" y="2399"/>
                  </a:lnTo>
                  <a:lnTo>
                    <a:pt x="1622" y="2409"/>
                  </a:lnTo>
                  <a:lnTo>
                    <a:pt x="1593" y="2418"/>
                  </a:lnTo>
                  <a:lnTo>
                    <a:pt x="1565" y="2426"/>
                  </a:lnTo>
                  <a:lnTo>
                    <a:pt x="1537" y="2433"/>
                  </a:lnTo>
                  <a:lnTo>
                    <a:pt x="1507" y="2439"/>
                  </a:lnTo>
                  <a:lnTo>
                    <a:pt x="1478" y="2446"/>
                  </a:lnTo>
                  <a:lnTo>
                    <a:pt x="1448" y="2451"/>
                  </a:lnTo>
                  <a:lnTo>
                    <a:pt x="1418" y="2456"/>
                  </a:lnTo>
                  <a:lnTo>
                    <a:pt x="1388" y="2460"/>
                  </a:lnTo>
                  <a:lnTo>
                    <a:pt x="1357" y="2463"/>
                  </a:lnTo>
                  <a:lnTo>
                    <a:pt x="1326" y="2465"/>
                  </a:lnTo>
                  <a:lnTo>
                    <a:pt x="1296" y="2467"/>
                  </a:lnTo>
                  <a:lnTo>
                    <a:pt x="1264" y="2468"/>
                  </a:lnTo>
                  <a:lnTo>
                    <a:pt x="1232" y="2468"/>
                  </a:lnTo>
                  <a:lnTo>
                    <a:pt x="1232" y="2468"/>
                  </a:lnTo>
                  <a:lnTo>
                    <a:pt x="1200" y="2468"/>
                  </a:lnTo>
                  <a:lnTo>
                    <a:pt x="1168" y="2467"/>
                  </a:lnTo>
                  <a:lnTo>
                    <a:pt x="1138" y="2465"/>
                  </a:lnTo>
                  <a:lnTo>
                    <a:pt x="1107" y="2463"/>
                  </a:lnTo>
                  <a:lnTo>
                    <a:pt x="1076" y="2460"/>
                  </a:lnTo>
                  <a:lnTo>
                    <a:pt x="1046" y="2456"/>
                  </a:lnTo>
                  <a:lnTo>
                    <a:pt x="1016" y="2451"/>
                  </a:lnTo>
                  <a:lnTo>
                    <a:pt x="986" y="2446"/>
                  </a:lnTo>
                  <a:lnTo>
                    <a:pt x="957" y="2439"/>
                  </a:lnTo>
                  <a:lnTo>
                    <a:pt x="927" y="2433"/>
                  </a:lnTo>
                  <a:lnTo>
                    <a:pt x="899" y="2426"/>
                  </a:lnTo>
                  <a:lnTo>
                    <a:pt x="871" y="2418"/>
                  </a:lnTo>
                  <a:lnTo>
                    <a:pt x="842" y="2409"/>
                  </a:lnTo>
                  <a:lnTo>
                    <a:pt x="814" y="2399"/>
                  </a:lnTo>
                  <a:lnTo>
                    <a:pt x="787" y="2389"/>
                  </a:lnTo>
                  <a:lnTo>
                    <a:pt x="759" y="2378"/>
                  </a:lnTo>
                  <a:lnTo>
                    <a:pt x="732" y="2366"/>
                  </a:lnTo>
                  <a:lnTo>
                    <a:pt x="706" y="2354"/>
                  </a:lnTo>
                  <a:lnTo>
                    <a:pt x="679" y="2341"/>
                  </a:lnTo>
                  <a:lnTo>
                    <a:pt x="652" y="2327"/>
                  </a:lnTo>
                  <a:lnTo>
                    <a:pt x="627" y="2313"/>
                  </a:lnTo>
                  <a:lnTo>
                    <a:pt x="601" y="2298"/>
                  </a:lnTo>
                  <a:lnTo>
                    <a:pt x="576" y="2282"/>
                  </a:lnTo>
                  <a:lnTo>
                    <a:pt x="551" y="2265"/>
                  </a:lnTo>
                  <a:lnTo>
                    <a:pt x="526" y="2248"/>
                  </a:lnTo>
                  <a:lnTo>
                    <a:pt x="502" y="2230"/>
                  </a:lnTo>
                  <a:lnTo>
                    <a:pt x="477" y="2211"/>
                  </a:lnTo>
                  <a:lnTo>
                    <a:pt x="453" y="2192"/>
                  </a:lnTo>
                  <a:lnTo>
                    <a:pt x="430" y="2171"/>
                  </a:lnTo>
                  <a:lnTo>
                    <a:pt x="407" y="2151"/>
                  </a:lnTo>
                  <a:lnTo>
                    <a:pt x="384" y="2129"/>
                  </a:lnTo>
                  <a:lnTo>
                    <a:pt x="361" y="2106"/>
                  </a:lnTo>
                  <a:lnTo>
                    <a:pt x="361" y="2106"/>
                  </a:lnTo>
                  <a:lnTo>
                    <a:pt x="339" y="2084"/>
                  </a:lnTo>
                  <a:lnTo>
                    <a:pt x="317" y="2061"/>
                  </a:lnTo>
                  <a:lnTo>
                    <a:pt x="297" y="2037"/>
                  </a:lnTo>
                  <a:lnTo>
                    <a:pt x="277" y="2014"/>
                  </a:lnTo>
                  <a:lnTo>
                    <a:pt x="258" y="1990"/>
                  </a:lnTo>
                  <a:lnTo>
                    <a:pt x="238" y="1966"/>
                  </a:lnTo>
                  <a:lnTo>
                    <a:pt x="221" y="1942"/>
                  </a:lnTo>
                  <a:lnTo>
                    <a:pt x="203" y="1916"/>
                  </a:lnTo>
                  <a:lnTo>
                    <a:pt x="187" y="1891"/>
                  </a:lnTo>
                  <a:lnTo>
                    <a:pt x="170" y="1866"/>
                  </a:lnTo>
                  <a:lnTo>
                    <a:pt x="156" y="1840"/>
                  </a:lnTo>
                  <a:lnTo>
                    <a:pt x="142" y="1814"/>
                  </a:lnTo>
                  <a:lnTo>
                    <a:pt x="127" y="1789"/>
                  </a:lnTo>
                  <a:lnTo>
                    <a:pt x="115" y="1762"/>
                  </a:lnTo>
                  <a:lnTo>
                    <a:pt x="102" y="1735"/>
                  </a:lnTo>
                  <a:lnTo>
                    <a:pt x="90" y="1708"/>
                  </a:lnTo>
                  <a:lnTo>
                    <a:pt x="79" y="1681"/>
                  </a:lnTo>
                  <a:lnTo>
                    <a:pt x="70" y="1653"/>
                  </a:lnTo>
                  <a:lnTo>
                    <a:pt x="60" y="1624"/>
                  </a:lnTo>
                  <a:lnTo>
                    <a:pt x="51" y="1596"/>
                  </a:lnTo>
                  <a:lnTo>
                    <a:pt x="43" y="1568"/>
                  </a:lnTo>
                  <a:lnTo>
                    <a:pt x="36" y="1539"/>
                  </a:lnTo>
                  <a:lnTo>
                    <a:pt x="29" y="1510"/>
                  </a:lnTo>
                  <a:lnTo>
                    <a:pt x="23" y="1480"/>
                  </a:lnTo>
                  <a:lnTo>
                    <a:pt x="18" y="1451"/>
                  </a:lnTo>
                  <a:lnTo>
                    <a:pt x="13" y="1421"/>
                  </a:lnTo>
                  <a:lnTo>
                    <a:pt x="9" y="1390"/>
                  </a:lnTo>
                  <a:lnTo>
                    <a:pt x="6" y="1359"/>
                  </a:lnTo>
                  <a:lnTo>
                    <a:pt x="3" y="1328"/>
                  </a:lnTo>
                  <a:lnTo>
                    <a:pt x="2" y="1297"/>
                  </a:lnTo>
                  <a:lnTo>
                    <a:pt x="1" y="1265"/>
                  </a:lnTo>
                  <a:lnTo>
                    <a:pt x="0" y="1234"/>
                  </a:lnTo>
                  <a:lnTo>
                    <a:pt x="0" y="1234"/>
                  </a:lnTo>
                  <a:lnTo>
                    <a:pt x="1" y="1203"/>
                  </a:lnTo>
                  <a:lnTo>
                    <a:pt x="2" y="1171"/>
                  </a:lnTo>
                  <a:lnTo>
                    <a:pt x="3" y="1140"/>
                  </a:lnTo>
                  <a:lnTo>
                    <a:pt x="6" y="1108"/>
                  </a:lnTo>
                  <a:lnTo>
                    <a:pt x="9" y="1078"/>
                  </a:lnTo>
                  <a:lnTo>
                    <a:pt x="13" y="1048"/>
                  </a:lnTo>
                  <a:lnTo>
                    <a:pt x="18" y="1018"/>
                  </a:lnTo>
                  <a:lnTo>
                    <a:pt x="23" y="988"/>
                  </a:lnTo>
                  <a:lnTo>
                    <a:pt x="29" y="958"/>
                  </a:lnTo>
                  <a:lnTo>
                    <a:pt x="36" y="929"/>
                  </a:lnTo>
                  <a:lnTo>
                    <a:pt x="43" y="901"/>
                  </a:lnTo>
                  <a:lnTo>
                    <a:pt x="51" y="872"/>
                  </a:lnTo>
                  <a:lnTo>
                    <a:pt x="60" y="843"/>
                  </a:lnTo>
                  <a:lnTo>
                    <a:pt x="70" y="815"/>
                  </a:lnTo>
                  <a:lnTo>
                    <a:pt x="79" y="788"/>
                  </a:lnTo>
                  <a:lnTo>
                    <a:pt x="90" y="761"/>
                  </a:lnTo>
                  <a:lnTo>
                    <a:pt x="102" y="733"/>
                  </a:lnTo>
                  <a:lnTo>
                    <a:pt x="115" y="706"/>
                  </a:lnTo>
                  <a:lnTo>
                    <a:pt x="127" y="680"/>
                  </a:lnTo>
                  <a:lnTo>
                    <a:pt x="142" y="654"/>
                  </a:lnTo>
                  <a:lnTo>
                    <a:pt x="156" y="628"/>
                  </a:lnTo>
                  <a:lnTo>
                    <a:pt x="170" y="602"/>
                  </a:lnTo>
                  <a:lnTo>
                    <a:pt x="187" y="577"/>
                  </a:lnTo>
                  <a:lnTo>
                    <a:pt x="203" y="551"/>
                  </a:lnTo>
                  <a:lnTo>
                    <a:pt x="221" y="526"/>
                  </a:lnTo>
                  <a:lnTo>
                    <a:pt x="238" y="502"/>
                  </a:lnTo>
                  <a:lnTo>
                    <a:pt x="258" y="478"/>
                  </a:lnTo>
                  <a:lnTo>
                    <a:pt x="277" y="454"/>
                  </a:lnTo>
                  <a:lnTo>
                    <a:pt x="297" y="431"/>
                  </a:lnTo>
                  <a:lnTo>
                    <a:pt x="317" y="407"/>
                  </a:lnTo>
                  <a:lnTo>
                    <a:pt x="339" y="385"/>
                  </a:lnTo>
                  <a:lnTo>
                    <a:pt x="361" y="361"/>
                  </a:lnTo>
                  <a:lnTo>
                    <a:pt x="361" y="361"/>
                  </a:lnTo>
                  <a:lnTo>
                    <a:pt x="384" y="339"/>
                  </a:lnTo>
                  <a:lnTo>
                    <a:pt x="407" y="318"/>
                  </a:lnTo>
                  <a:lnTo>
                    <a:pt x="430" y="297"/>
                  </a:lnTo>
                  <a:lnTo>
                    <a:pt x="453" y="277"/>
                  </a:lnTo>
                  <a:lnTo>
                    <a:pt x="477" y="257"/>
                  </a:lnTo>
                  <a:lnTo>
                    <a:pt x="502" y="239"/>
                  </a:lnTo>
                  <a:lnTo>
                    <a:pt x="526" y="220"/>
                  </a:lnTo>
                  <a:lnTo>
                    <a:pt x="551" y="204"/>
                  </a:lnTo>
                  <a:lnTo>
                    <a:pt x="576" y="186"/>
                  </a:lnTo>
                  <a:lnTo>
                    <a:pt x="601" y="171"/>
                  </a:lnTo>
                  <a:lnTo>
                    <a:pt x="627" y="155"/>
                  </a:lnTo>
                  <a:lnTo>
                    <a:pt x="652" y="141"/>
                  </a:lnTo>
                  <a:lnTo>
                    <a:pt x="679" y="128"/>
                  </a:lnTo>
                  <a:lnTo>
                    <a:pt x="706" y="114"/>
                  </a:lnTo>
                  <a:lnTo>
                    <a:pt x="732" y="102"/>
                  </a:lnTo>
                  <a:lnTo>
                    <a:pt x="759" y="91"/>
                  </a:lnTo>
                  <a:lnTo>
                    <a:pt x="787" y="79"/>
                  </a:lnTo>
                  <a:lnTo>
                    <a:pt x="814" y="69"/>
                  </a:lnTo>
                  <a:lnTo>
                    <a:pt x="842" y="60"/>
                  </a:lnTo>
                  <a:lnTo>
                    <a:pt x="871" y="50"/>
                  </a:lnTo>
                  <a:lnTo>
                    <a:pt x="899" y="42"/>
                  </a:lnTo>
                  <a:lnTo>
                    <a:pt x="927" y="35"/>
                  </a:lnTo>
                  <a:lnTo>
                    <a:pt x="957" y="28"/>
                  </a:lnTo>
                  <a:lnTo>
                    <a:pt x="986" y="23"/>
                  </a:lnTo>
                  <a:lnTo>
                    <a:pt x="1016" y="17"/>
                  </a:lnTo>
                  <a:lnTo>
                    <a:pt x="1046" y="12"/>
                  </a:lnTo>
                  <a:lnTo>
                    <a:pt x="1076" y="8"/>
                  </a:lnTo>
                  <a:lnTo>
                    <a:pt x="1107" y="5"/>
                  </a:lnTo>
                  <a:lnTo>
                    <a:pt x="1138" y="3"/>
                  </a:lnTo>
                  <a:lnTo>
                    <a:pt x="1168" y="1"/>
                  </a:lnTo>
                  <a:lnTo>
                    <a:pt x="1200" y="0"/>
                  </a:lnTo>
                  <a:lnTo>
                    <a:pt x="1232" y="0"/>
                  </a:lnTo>
                  <a:lnTo>
                    <a:pt x="1232" y="0"/>
                  </a:lnTo>
                  <a:lnTo>
                    <a:pt x="1264" y="0"/>
                  </a:lnTo>
                  <a:lnTo>
                    <a:pt x="1296" y="1"/>
                  </a:lnTo>
                  <a:lnTo>
                    <a:pt x="1326" y="3"/>
                  </a:lnTo>
                  <a:lnTo>
                    <a:pt x="1357" y="5"/>
                  </a:lnTo>
                  <a:lnTo>
                    <a:pt x="1388" y="8"/>
                  </a:lnTo>
                  <a:lnTo>
                    <a:pt x="1418" y="12"/>
                  </a:lnTo>
                  <a:lnTo>
                    <a:pt x="1448" y="17"/>
                  </a:lnTo>
                  <a:lnTo>
                    <a:pt x="1478" y="23"/>
                  </a:lnTo>
                  <a:lnTo>
                    <a:pt x="1507" y="28"/>
                  </a:lnTo>
                  <a:lnTo>
                    <a:pt x="1537" y="35"/>
                  </a:lnTo>
                  <a:lnTo>
                    <a:pt x="1565" y="42"/>
                  </a:lnTo>
                  <a:lnTo>
                    <a:pt x="1593" y="50"/>
                  </a:lnTo>
                  <a:lnTo>
                    <a:pt x="1622" y="60"/>
                  </a:lnTo>
                  <a:lnTo>
                    <a:pt x="1649" y="69"/>
                  </a:lnTo>
                  <a:lnTo>
                    <a:pt x="1677" y="79"/>
                  </a:lnTo>
                  <a:lnTo>
                    <a:pt x="1705" y="91"/>
                  </a:lnTo>
                  <a:lnTo>
                    <a:pt x="1731" y="102"/>
                  </a:lnTo>
                  <a:lnTo>
                    <a:pt x="1758" y="114"/>
                  </a:lnTo>
                  <a:lnTo>
                    <a:pt x="1785" y="128"/>
                  </a:lnTo>
                  <a:lnTo>
                    <a:pt x="1811" y="141"/>
                  </a:lnTo>
                  <a:lnTo>
                    <a:pt x="1837" y="155"/>
                  </a:lnTo>
                  <a:lnTo>
                    <a:pt x="1863" y="171"/>
                  </a:lnTo>
                  <a:lnTo>
                    <a:pt x="1888" y="186"/>
                  </a:lnTo>
                  <a:lnTo>
                    <a:pt x="1913" y="204"/>
                  </a:lnTo>
                  <a:lnTo>
                    <a:pt x="1938" y="220"/>
                  </a:lnTo>
                  <a:lnTo>
                    <a:pt x="1962" y="239"/>
                  </a:lnTo>
                  <a:lnTo>
                    <a:pt x="1987" y="257"/>
                  </a:lnTo>
                  <a:lnTo>
                    <a:pt x="2010" y="277"/>
                  </a:lnTo>
                  <a:lnTo>
                    <a:pt x="2034" y="297"/>
                  </a:lnTo>
                  <a:lnTo>
                    <a:pt x="2057" y="318"/>
                  </a:lnTo>
                  <a:lnTo>
                    <a:pt x="2080" y="339"/>
                  </a:lnTo>
                  <a:lnTo>
                    <a:pt x="2103" y="361"/>
                  </a:lnTo>
                  <a:lnTo>
                    <a:pt x="2103" y="361"/>
                  </a:lnTo>
                  <a:lnTo>
                    <a:pt x="2125" y="385"/>
                  </a:lnTo>
                  <a:lnTo>
                    <a:pt x="2147" y="407"/>
                  </a:lnTo>
                  <a:lnTo>
                    <a:pt x="2167" y="431"/>
                  </a:lnTo>
                  <a:lnTo>
                    <a:pt x="2187" y="454"/>
                  </a:lnTo>
                  <a:lnTo>
                    <a:pt x="2206" y="478"/>
                  </a:lnTo>
                  <a:lnTo>
                    <a:pt x="2226" y="502"/>
                  </a:lnTo>
                  <a:lnTo>
                    <a:pt x="2243" y="526"/>
                  </a:lnTo>
                  <a:lnTo>
                    <a:pt x="2261" y="551"/>
                  </a:lnTo>
                  <a:lnTo>
                    <a:pt x="2277" y="577"/>
                  </a:lnTo>
                  <a:lnTo>
                    <a:pt x="2293" y="602"/>
                  </a:lnTo>
                  <a:lnTo>
                    <a:pt x="2308" y="628"/>
                  </a:lnTo>
                  <a:lnTo>
                    <a:pt x="2322" y="654"/>
                  </a:lnTo>
                  <a:lnTo>
                    <a:pt x="2337" y="680"/>
                  </a:lnTo>
                  <a:lnTo>
                    <a:pt x="2349" y="706"/>
                  </a:lnTo>
                  <a:lnTo>
                    <a:pt x="2362" y="733"/>
                  </a:lnTo>
                  <a:lnTo>
                    <a:pt x="2373" y="761"/>
                  </a:lnTo>
                  <a:lnTo>
                    <a:pt x="2385" y="788"/>
                  </a:lnTo>
                  <a:lnTo>
                    <a:pt x="2394" y="815"/>
                  </a:lnTo>
                  <a:lnTo>
                    <a:pt x="2404" y="843"/>
                  </a:lnTo>
                  <a:lnTo>
                    <a:pt x="2412" y="872"/>
                  </a:lnTo>
                  <a:lnTo>
                    <a:pt x="2421" y="901"/>
                  </a:lnTo>
                  <a:lnTo>
                    <a:pt x="2428" y="929"/>
                  </a:lnTo>
                  <a:lnTo>
                    <a:pt x="2435" y="958"/>
                  </a:lnTo>
                  <a:lnTo>
                    <a:pt x="2441" y="988"/>
                  </a:lnTo>
                  <a:lnTo>
                    <a:pt x="2446" y="1018"/>
                  </a:lnTo>
                  <a:lnTo>
                    <a:pt x="2450" y="1048"/>
                  </a:lnTo>
                  <a:lnTo>
                    <a:pt x="2455" y="1078"/>
                  </a:lnTo>
                  <a:lnTo>
                    <a:pt x="2458" y="1108"/>
                  </a:lnTo>
                  <a:lnTo>
                    <a:pt x="2461" y="1140"/>
                  </a:lnTo>
                  <a:lnTo>
                    <a:pt x="2462" y="1171"/>
                  </a:lnTo>
                  <a:lnTo>
                    <a:pt x="2463" y="1203"/>
                  </a:lnTo>
                  <a:lnTo>
                    <a:pt x="2464" y="1234"/>
                  </a:lnTo>
                  <a:lnTo>
                    <a:pt x="2464" y="1234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8" name="Freeform 20"/>
            <p:cNvSpPr>
              <a:spLocks/>
            </p:cNvSpPr>
            <p:nvPr/>
          </p:nvSpPr>
          <p:spPr bwMode="auto">
            <a:xfrm>
              <a:off x="1008856" y="2203450"/>
              <a:ext cx="127000" cy="109538"/>
            </a:xfrm>
            <a:custGeom>
              <a:avLst/>
              <a:gdLst>
                <a:gd name="T0" fmla="*/ 1901 w 1902"/>
                <a:gd name="T1" fmla="*/ 1166 h 1646"/>
                <a:gd name="T2" fmla="*/ 1891 w 1902"/>
                <a:gd name="T3" fmla="*/ 1253 h 1646"/>
                <a:gd name="T4" fmla="*/ 1867 w 1902"/>
                <a:gd name="T5" fmla="*/ 1332 h 1646"/>
                <a:gd name="T6" fmla="*/ 1832 w 1902"/>
                <a:gd name="T7" fmla="*/ 1402 h 1646"/>
                <a:gd name="T8" fmla="*/ 1783 w 1902"/>
                <a:gd name="T9" fmla="*/ 1463 h 1646"/>
                <a:gd name="T10" fmla="*/ 1722 w 1902"/>
                <a:gd name="T11" fmla="*/ 1517 h 1646"/>
                <a:gd name="T12" fmla="*/ 1676 w 1902"/>
                <a:gd name="T13" fmla="*/ 1546 h 1646"/>
                <a:gd name="T14" fmla="*/ 1601 w 1902"/>
                <a:gd name="T15" fmla="*/ 1584 h 1646"/>
                <a:gd name="T16" fmla="*/ 1521 w 1902"/>
                <a:gd name="T17" fmla="*/ 1614 h 1646"/>
                <a:gd name="T18" fmla="*/ 1436 w 1902"/>
                <a:gd name="T19" fmla="*/ 1634 h 1646"/>
                <a:gd name="T20" fmla="*/ 1344 w 1902"/>
                <a:gd name="T21" fmla="*/ 1644 h 1646"/>
                <a:gd name="T22" fmla="*/ 850 w 1902"/>
                <a:gd name="T23" fmla="*/ 1646 h 1646"/>
                <a:gd name="T24" fmla="*/ 808 w 1902"/>
                <a:gd name="T25" fmla="*/ 1599 h 1646"/>
                <a:gd name="T26" fmla="*/ 742 w 1902"/>
                <a:gd name="T27" fmla="*/ 1532 h 1646"/>
                <a:gd name="T28" fmla="*/ 673 w 1902"/>
                <a:gd name="T29" fmla="*/ 1472 h 1646"/>
                <a:gd name="T30" fmla="*/ 600 w 1902"/>
                <a:gd name="T31" fmla="*/ 1419 h 1646"/>
                <a:gd name="T32" fmla="*/ 524 w 1902"/>
                <a:gd name="T33" fmla="*/ 1373 h 1646"/>
                <a:gd name="T34" fmla="*/ 446 w 1902"/>
                <a:gd name="T35" fmla="*/ 1334 h 1646"/>
                <a:gd name="T36" fmla="*/ 363 w 1902"/>
                <a:gd name="T37" fmla="*/ 1301 h 1646"/>
                <a:gd name="T38" fmla="*/ 277 w 1902"/>
                <a:gd name="T39" fmla="*/ 1274 h 1646"/>
                <a:gd name="T40" fmla="*/ 188 w 1902"/>
                <a:gd name="T41" fmla="*/ 1255 h 1646"/>
                <a:gd name="T42" fmla="*/ 96 w 1902"/>
                <a:gd name="T43" fmla="*/ 1241 h 1646"/>
                <a:gd name="T44" fmla="*/ 0 w 1902"/>
                <a:gd name="T45" fmla="*/ 1235 h 1646"/>
                <a:gd name="T46" fmla="*/ 61 w 1902"/>
                <a:gd name="T47" fmla="*/ 1139 h 1646"/>
                <a:gd name="T48" fmla="*/ 137 w 1902"/>
                <a:gd name="T49" fmla="*/ 993 h 1646"/>
                <a:gd name="T50" fmla="*/ 195 w 1902"/>
                <a:gd name="T51" fmla="*/ 841 h 1646"/>
                <a:gd name="T52" fmla="*/ 234 w 1902"/>
                <a:gd name="T53" fmla="*/ 684 h 1646"/>
                <a:gd name="T54" fmla="*/ 256 w 1902"/>
                <a:gd name="T55" fmla="*/ 523 h 1646"/>
                <a:gd name="T56" fmla="*/ 260 w 1902"/>
                <a:gd name="T57" fmla="*/ 412 h 1646"/>
                <a:gd name="T58" fmla="*/ 251 w 1902"/>
                <a:gd name="T59" fmla="*/ 257 h 1646"/>
                <a:gd name="T60" fmla="*/ 297 w 1902"/>
                <a:gd name="T61" fmla="*/ 217 h 1646"/>
                <a:gd name="T62" fmla="*/ 456 w 1902"/>
                <a:gd name="T63" fmla="*/ 255 h 1646"/>
                <a:gd name="T64" fmla="*/ 617 w 1902"/>
                <a:gd name="T65" fmla="*/ 273 h 1646"/>
                <a:gd name="T66" fmla="*/ 717 w 1902"/>
                <a:gd name="T67" fmla="*/ 273 h 1646"/>
                <a:gd name="T68" fmla="*/ 860 w 1902"/>
                <a:gd name="T69" fmla="*/ 256 h 1646"/>
                <a:gd name="T70" fmla="*/ 1003 w 1902"/>
                <a:gd name="T71" fmla="*/ 221 h 1646"/>
                <a:gd name="T72" fmla="*/ 1099 w 1902"/>
                <a:gd name="T73" fmla="*/ 188 h 1646"/>
                <a:gd name="T74" fmla="*/ 1226 w 1902"/>
                <a:gd name="T75" fmla="*/ 136 h 1646"/>
                <a:gd name="T76" fmla="*/ 1334 w 1902"/>
                <a:gd name="T77" fmla="*/ 85 h 1646"/>
                <a:gd name="T78" fmla="*/ 1419 w 1902"/>
                <a:gd name="T79" fmla="*/ 38 h 1646"/>
                <a:gd name="T80" fmla="*/ 1489 w 1902"/>
                <a:gd name="T81" fmla="*/ 5 h 1646"/>
                <a:gd name="T82" fmla="*/ 1504 w 1902"/>
                <a:gd name="T83" fmla="*/ 0 h 1646"/>
                <a:gd name="T84" fmla="*/ 1576 w 1902"/>
                <a:gd name="T85" fmla="*/ 11 h 1646"/>
                <a:gd name="T86" fmla="*/ 1639 w 1902"/>
                <a:gd name="T87" fmla="*/ 41 h 1646"/>
                <a:gd name="T88" fmla="*/ 1697 w 1902"/>
                <a:gd name="T89" fmla="*/ 91 h 1646"/>
                <a:gd name="T90" fmla="*/ 1747 w 1902"/>
                <a:gd name="T91" fmla="*/ 160 h 1646"/>
                <a:gd name="T92" fmla="*/ 1790 w 1902"/>
                <a:gd name="T93" fmla="*/ 250 h 1646"/>
                <a:gd name="T94" fmla="*/ 1826 w 1902"/>
                <a:gd name="T95" fmla="*/ 359 h 1646"/>
                <a:gd name="T96" fmla="*/ 1855 w 1902"/>
                <a:gd name="T97" fmla="*/ 490 h 1646"/>
                <a:gd name="T98" fmla="*/ 1877 w 1902"/>
                <a:gd name="T99" fmla="*/ 639 h 1646"/>
                <a:gd name="T100" fmla="*/ 1893 w 1902"/>
                <a:gd name="T101" fmla="*/ 808 h 1646"/>
                <a:gd name="T102" fmla="*/ 1900 w 1902"/>
                <a:gd name="T103" fmla="*/ 998 h 1646"/>
                <a:gd name="T104" fmla="*/ 1902 w 1902"/>
                <a:gd name="T105" fmla="*/ 1135 h 16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1902" h="1646">
                  <a:moveTo>
                    <a:pt x="1902" y="1135"/>
                  </a:moveTo>
                  <a:lnTo>
                    <a:pt x="1902" y="1135"/>
                  </a:lnTo>
                  <a:lnTo>
                    <a:pt x="1901" y="1166"/>
                  </a:lnTo>
                  <a:lnTo>
                    <a:pt x="1899" y="1196"/>
                  </a:lnTo>
                  <a:lnTo>
                    <a:pt x="1896" y="1225"/>
                  </a:lnTo>
                  <a:lnTo>
                    <a:pt x="1891" y="1253"/>
                  </a:lnTo>
                  <a:lnTo>
                    <a:pt x="1885" y="1280"/>
                  </a:lnTo>
                  <a:lnTo>
                    <a:pt x="1876" y="1307"/>
                  </a:lnTo>
                  <a:lnTo>
                    <a:pt x="1867" y="1332"/>
                  </a:lnTo>
                  <a:lnTo>
                    <a:pt x="1857" y="1356"/>
                  </a:lnTo>
                  <a:lnTo>
                    <a:pt x="1846" y="1379"/>
                  </a:lnTo>
                  <a:lnTo>
                    <a:pt x="1832" y="1402"/>
                  </a:lnTo>
                  <a:lnTo>
                    <a:pt x="1817" y="1423"/>
                  </a:lnTo>
                  <a:lnTo>
                    <a:pt x="1800" y="1444"/>
                  </a:lnTo>
                  <a:lnTo>
                    <a:pt x="1783" y="1463"/>
                  </a:lnTo>
                  <a:lnTo>
                    <a:pt x="1765" y="1482"/>
                  </a:lnTo>
                  <a:lnTo>
                    <a:pt x="1744" y="1499"/>
                  </a:lnTo>
                  <a:lnTo>
                    <a:pt x="1722" y="1517"/>
                  </a:lnTo>
                  <a:lnTo>
                    <a:pt x="1722" y="1517"/>
                  </a:lnTo>
                  <a:lnTo>
                    <a:pt x="1700" y="1532"/>
                  </a:lnTo>
                  <a:lnTo>
                    <a:pt x="1676" y="1546"/>
                  </a:lnTo>
                  <a:lnTo>
                    <a:pt x="1652" y="1561"/>
                  </a:lnTo>
                  <a:lnTo>
                    <a:pt x="1627" y="1573"/>
                  </a:lnTo>
                  <a:lnTo>
                    <a:pt x="1601" y="1584"/>
                  </a:lnTo>
                  <a:lnTo>
                    <a:pt x="1576" y="1596"/>
                  </a:lnTo>
                  <a:lnTo>
                    <a:pt x="1549" y="1605"/>
                  </a:lnTo>
                  <a:lnTo>
                    <a:pt x="1521" y="1614"/>
                  </a:lnTo>
                  <a:lnTo>
                    <a:pt x="1494" y="1621"/>
                  </a:lnTo>
                  <a:lnTo>
                    <a:pt x="1465" y="1628"/>
                  </a:lnTo>
                  <a:lnTo>
                    <a:pt x="1436" y="1634"/>
                  </a:lnTo>
                  <a:lnTo>
                    <a:pt x="1406" y="1638"/>
                  </a:lnTo>
                  <a:lnTo>
                    <a:pt x="1376" y="1642"/>
                  </a:lnTo>
                  <a:lnTo>
                    <a:pt x="1344" y="1644"/>
                  </a:lnTo>
                  <a:lnTo>
                    <a:pt x="1312" y="1646"/>
                  </a:lnTo>
                  <a:lnTo>
                    <a:pt x="1279" y="1646"/>
                  </a:lnTo>
                  <a:lnTo>
                    <a:pt x="850" y="1646"/>
                  </a:lnTo>
                  <a:lnTo>
                    <a:pt x="850" y="1646"/>
                  </a:lnTo>
                  <a:lnTo>
                    <a:pt x="829" y="1623"/>
                  </a:lnTo>
                  <a:lnTo>
                    <a:pt x="808" y="1599"/>
                  </a:lnTo>
                  <a:lnTo>
                    <a:pt x="786" y="1575"/>
                  </a:lnTo>
                  <a:lnTo>
                    <a:pt x="765" y="1554"/>
                  </a:lnTo>
                  <a:lnTo>
                    <a:pt x="742" y="1532"/>
                  </a:lnTo>
                  <a:lnTo>
                    <a:pt x="719" y="1512"/>
                  </a:lnTo>
                  <a:lnTo>
                    <a:pt x="697" y="1492"/>
                  </a:lnTo>
                  <a:lnTo>
                    <a:pt x="673" y="1472"/>
                  </a:lnTo>
                  <a:lnTo>
                    <a:pt x="650" y="1454"/>
                  </a:lnTo>
                  <a:lnTo>
                    <a:pt x="625" y="1436"/>
                  </a:lnTo>
                  <a:lnTo>
                    <a:pt x="600" y="1419"/>
                  </a:lnTo>
                  <a:lnTo>
                    <a:pt x="576" y="1404"/>
                  </a:lnTo>
                  <a:lnTo>
                    <a:pt x="550" y="1388"/>
                  </a:lnTo>
                  <a:lnTo>
                    <a:pt x="524" y="1373"/>
                  </a:lnTo>
                  <a:lnTo>
                    <a:pt x="499" y="1359"/>
                  </a:lnTo>
                  <a:lnTo>
                    <a:pt x="472" y="1346"/>
                  </a:lnTo>
                  <a:lnTo>
                    <a:pt x="446" y="1334"/>
                  </a:lnTo>
                  <a:lnTo>
                    <a:pt x="419" y="1321"/>
                  </a:lnTo>
                  <a:lnTo>
                    <a:pt x="391" y="1311"/>
                  </a:lnTo>
                  <a:lnTo>
                    <a:pt x="363" y="1301"/>
                  </a:lnTo>
                  <a:lnTo>
                    <a:pt x="335" y="1291"/>
                  </a:lnTo>
                  <a:lnTo>
                    <a:pt x="306" y="1282"/>
                  </a:lnTo>
                  <a:lnTo>
                    <a:pt x="277" y="1274"/>
                  </a:lnTo>
                  <a:lnTo>
                    <a:pt x="248" y="1267"/>
                  </a:lnTo>
                  <a:lnTo>
                    <a:pt x="218" y="1260"/>
                  </a:lnTo>
                  <a:lnTo>
                    <a:pt x="188" y="1255"/>
                  </a:lnTo>
                  <a:lnTo>
                    <a:pt x="157" y="1249"/>
                  </a:lnTo>
                  <a:lnTo>
                    <a:pt x="127" y="1245"/>
                  </a:lnTo>
                  <a:lnTo>
                    <a:pt x="96" y="1241"/>
                  </a:lnTo>
                  <a:lnTo>
                    <a:pt x="64" y="1238"/>
                  </a:lnTo>
                  <a:lnTo>
                    <a:pt x="32" y="1236"/>
                  </a:lnTo>
                  <a:lnTo>
                    <a:pt x="0" y="1235"/>
                  </a:lnTo>
                  <a:lnTo>
                    <a:pt x="0" y="1235"/>
                  </a:lnTo>
                  <a:lnTo>
                    <a:pt x="31" y="1188"/>
                  </a:lnTo>
                  <a:lnTo>
                    <a:pt x="61" y="1139"/>
                  </a:lnTo>
                  <a:lnTo>
                    <a:pt x="89" y="1091"/>
                  </a:lnTo>
                  <a:lnTo>
                    <a:pt x="113" y="1043"/>
                  </a:lnTo>
                  <a:lnTo>
                    <a:pt x="137" y="993"/>
                  </a:lnTo>
                  <a:lnTo>
                    <a:pt x="158" y="943"/>
                  </a:lnTo>
                  <a:lnTo>
                    <a:pt x="178" y="893"/>
                  </a:lnTo>
                  <a:lnTo>
                    <a:pt x="195" y="841"/>
                  </a:lnTo>
                  <a:lnTo>
                    <a:pt x="210" y="790"/>
                  </a:lnTo>
                  <a:lnTo>
                    <a:pt x="223" y="737"/>
                  </a:lnTo>
                  <a:lnTo>
                    <a:pt x="234" y="684"/>
                  </a:lnTo>
                  <a:lnTo>
                    <a:pt x="243" y="631"/>
                  </a:lnTo>
                  <a:lnTo>
                    <a:pt x="251" y="577"/>
                  </a:lnTo>
                  <a:lnTo>
                    <a:pt x="256" y="523"/>
                  </a:lnTo>
                  <a:lnTo>
                    <a:pt x="259" y="468"/>
                  </a:lnTo>
                  <a:lnTo>
                    <a:pt x="260" y="412"/>
                  </a:lnTo>
                  <a:lnTo>
                    <a:pt x="260" y="412"/>
                  </a:lnTo>
                  <a:lnTo>
                    <a:pt x="259" y="364"/>
                  </a:lnTo>
                  <a:lnTo>
                    <a:pt x="256" y="313"/>
                  </a:lnTo>
                  <a:lnTo>
                    <a:pt x="251" y="257"/>
                  </a:lnTo>
                  <a:lnTo>
                    <a:pt x="243" y="200"/>
                  </a:lnTo>
                  <a:lnTo>
                    <a:pt x="243" y="200"/>
                  </a:lnTo>
                  <a:lnTo>
                    <a:pt x="297" y="217"/>
                  </a:lnTo>
                  <a:lnTo>
                    <a:pt x="350" y="233"/>
                  </a:lnTo>
                  <a:lnTo>
                    <a:pt x="403" y="245"/>
                  </a:lnTo>
                  <a:lnTo>
                    <a:pt x="456" y="255"/>
                  </a:lnTo>
                  <a:lnTo>
                    <a:pt x="510" y="264"/>
                  </a:lnTo>
                  <a:lnTo>
                    <a:pt x="563" y="270"/>
                  </a:lnTo>
                  <a:lnTo>
                    <a:pt x="617" y="273"/>
                  </a:lnTo>
                  <a:lnTo>
                    <a:pt x="670" y="274"/>
                  </a:lnTo>
                  <a:lnTo>
                    <a:pt x="670" y="274"/>
                  </a:lnTo>
                  <a:lnTo>
                    <a:pt x="717" y="273"/>
                  </a:lnTo>
                  <a:lnTo>
                    <a:pt x="766" y="270"/>
                  </a:lnTo>
                  <a:lnTo>
                    <a:pt x="813" y="265"/>
                  </a:lnTo>
                  <a:lnTo>
                    <a:pt x="860" y="256"/>
                  </a:lnTo>
                  <a:lnTo>
                    <a:pt x="908" y="247"/>
                  </a:lnTo>
                  <a:lnTo>
                    <a:pt x="956" y="235"/>
                  </a:lnTo>
                  <a:lnTo>
                    <a:pt x="1003" y="221"/>
                  </a:lnTo>
                  <a:lnTo>
                    <a:pt x="1052" y="205"/>
                  </a:lnTo>
                  <a:lnTo>
                    <a:pt x="1052" y="205"/>
                  </a:lnTo>
                  <a:lnTo>
                    <a:pt x="1099" y="188"/>
                  </a:lnTo>
                  <a:lnTo>
                    <a:pt x="1144" y="170"/>
                  </a:lnTo>
                  <a:lnTo>
                    <a:pt x="1186" y="154"/>
                  </a:lnTo>
                  <a:lnTo>
                    <a:pt x="1226" y="136"/>
                  </a:lnTo>
                  <a:lnTo>
                    <a:pt x="1264" y="119"/>
                  </a:lnTo>
                  <a:lnTo>
                    <a:pt x="1300" y="102"/>
                  </a:lnTo>
                  <a:lnTo>
                    <a:pt x="1334" y="85"/>
                  </a:lnTo>
                  <a:lnTo>
                    <a:pt x="1365" y="68"/>
                  </a:lnTo>
                  <a:lnTo>
                    <a:pt x="1365" y="68"/>
                  </a:lnTo>
                  <a:lnTo>
                    <a:pt x="1419" y="38"/>
                  </a:lnTo>
                  <a:lnTo>
                    <a:pt x="1460" y="18"/>
                  </a:lnTo>
                  <a:lnTo>
                    <a:pt x="1475" y="10"/>
                  </a:lnTo>
                  <a:lnTo>
                    <a:pt x="1489" y="5"/>
                  </a:lnTo>
                  <a:lnTo>
                    <a:pt x="1498" y="1"/>
                  </a:lnTo>
                  <a:lnTo>
                    <a:pt x="1504" y="0"/>
                  </a:lnTo>
                  <a:lnTo>
                    <a:pt x="1504" y="0"/>
                  </a:lnTo>
                  <a:lnTo>
                    <a:pt x="1529" y="1"/>
                  </a:lnTo>
                  <a:lnTo>
                    <a:pt x="1552" y="6"/>
                  </a:lnTo>
                  <a:lnTo>
                    <a:pt x="1576" y="11"/>
                  </a:lnTo>
                  <a:lnTo>
                    <a:pt x="1597" y="18"/>
                  </a:lnTo>
                  <a:lnTo>
                    <a:pt x="1619" y="28"/>
                  </a:lnTo>
                  <a:lnTo>
                    <a:pt x="1639" y="41"/>
                  </a:lnTo>
                  <a:lnTo>
                    <a:pt x="1659" y="55"/>
                  </a:lnTo>
                  <a:lnTo>
                    <a:pt x="1678" y="71"/>
                  </a:lnTo>
                  <a:lnTo>
                    <a:pt x="1697" y="91"/>
                  </a:lnTo>
                  <a:lnTo>
                    <a:pt x="1714" y="111"/>
                  </a:lnTo>
                  <a:lnTo>
                    <a:pt x="1731" y="135"/>
                  </a:lnTo>
                  <a:lnTo>
                    <a:pt x="1747" y="160"/>
                  </a:lnTo>
                  <a:lnTo>
                    <a:pt x="1761" y="188"/>
                  </a:lnTo>
                  <a:lnTo>
                    <a:pt x="1776" y="217"/>
                  </a:lnTo>
                  <a:lnTo>
                    <a:pt x="1790" y="250"/>
                  </a:lnTo>
                  <a:lnTo>
                    <a:pt x="1802" y="284"/>
                  </a:lnTo>
                  <a:lnTo>
                    <a:pt x="1815" y="321"/>
                  </a:lnTo>
                  <a:lnTo>
                    <a:pt x="1826" y="359"/>
                  </a:lnTo>
                  <a:lnTo>
                    <a:pt x="1836" y="400"/>
                  </a:lnTo>
                  <a:lnTo>
                    <a:pt x="1846" y="443"/>
                  </a:lnTo>
                  <a:lnTo>
                    <a:pt x="1855" y="490"/>
                  </a:lnTo>
                  <a:lnTo>
                    <a:pt x="1863" y="537"/>
                  </a:lnTo>
                  <a:lnTo>
                    <a:pt x="1870" y="586"/>
                  </a:lnTo>
                  <a:lnTo>
                    <a:pt x="1877" y="639"/>
                  </a:lnTo>
                  <a:lnTo>
                    <a:pt x="1882" y="693"/>
                  </a:lnTo>
                  <a:lnTo>
                    <a:pt x="1888" y="750"/>
                  </a:lnTo>
                  <a:lnTo>
                    <a:pt x="1893" y="808"/>
                  </a:lnTo>
                  <a:lnTo>
                    <a:pt x="1896" y="869"/>
                  </a:lnTo>
                  <a:lnTo>
                    <a:pt x="1899" y="933"/>
                  </a:lnTo>
                  <a:lnTo>
                    <a:pt x="1900" y="998"/>
                  </a:lnTo>
                  <a:lnTo>
                    <a:pt x="1902" y="1065"/>
                  </a:lnTo>
                  <a:lnTo>
                    <a:pt x="1902" y="1135"/>
                  </a:lnTo>
                  <a:lnTo>
                    <a:pt x="1902" y="1135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9" name="Freeform 21"/>
            <p:cNvSpPr>
              <a:spLocks/>
            </p:cNvSpPr>
            <p:nvPr/>
          </p:nvSpPr>
          <p:spPr bwMode="auto">
            <a:xfrm>
              <a:off x="999331" y="2093913"/>
              <a:ext cx="109538" cy="109538"/>
            </a:xfrm>
            <a:custGeom>
              <a:avLst/>
              <a:gdLst>
                <a:gd name="T0" fmla="*/ 1641 w 1642"/>
                <a:gd name="T1" fmla="*/ 865 h 1645"/>
                <a:gd name="T2" fmla="*/ 1626 w 1642"/>
                <a:gd name="T3" fmla="*/ 987 h 1645"/>
                <a:gd name="T4" fmla="*/ 1596 w 1642"/>
                <a:gd name="T5" fmla="*/ 1102 h 1645"/>
                <a:gd name="T6" fmla="*/ 1547 w 1642"/>
                <a:gd name="T7" fmla="*/ 1210 h 1645"/>
                <a:gd name="T8" fmla="*/ 1483 w 1642"/>
                <a:gd name="T9" fmla="*/ 1310 h 1645"/>
                <a:gd name="T10" fmla="*/ 1401 w 1642"/>
                <a:gd name="T11" fmla="*/ 1405 h 1645"/>
                <a:gd name="T12" fmla="*/ 1339 w 1642"/>
                <a:gd name="T13" fmla="*/ 1461 h 1645"/>
                <a:gd name="T14" fmla="*/ 1241 w 1642"/>
                <a:gd name="T15" fmla="*/ 1531 h 1645"/>
                <a:gd name="T16" fmla="*/ 1135 w 1642"/>
                <a:gd name="T17" fmla="*/ 1586 h 1645"/>
                <a:gd name="T18" fmla="*/ 1023 w 1642"/>
                <a:gd name="T19" fmla="*/ 1622 h 1645"/>
                <a:gd name="T20" fmla="*/ 904 w 1642"/>
                <a:gd name="T21" fmla="*/ 1642 h 1645"/>
                <a:gd name="T22" fmla="*/ 820 w 1642"/>
                <a:gd name="T23" fmla="*/ 1645 h 1645"/>
                <a:gd name="T24" fmla="*/ 696 w 1642"/>
                <a:gd name="T25" fmla="*/ 1637 h 1645"/>
                <a:gd name="T26" fmla="*/ 579 w 1642"/>
                <a:gd name="T27" fmla="*/ 1612 h 1645"/>
                <a:gd name="T28" fmla="*/ 469 w 1642"/>
                <a:gd name="T29" fmla="*/ 1569 h 1645"/>
                <a:gd name="T30" fmla="*/ 367 w 1642"/>
                <a:gd name="T31" fmla="*/ 1510 h 1645"/>
                <a:gd name="T32" fmla="*/ 270 w 1642"/>
                <a:gd name="T33" fmla="*/ 1434 h 1645"/>
                <a:gd name="T34" fmla="*/ 211 w 1642"/>
                <a:gd name="T35" fmla="*/ 1374 h 1645"/>
                <a:gd name="T36" fmla="*/ 135 w 1642"/>
                <a:gd name="T37" fmla="*/ 1277 h 1645"/>
                <a:gd name="T38" fmla="*/ 76 w 1642"/>
                <a:gd name="T39" fmla="*/ 1175 h 1645"/>
                <a:gd name="T40" fmla="*/ 33 w 1642"/>
                <a:gd name="T41" fmla="*/ 1065 h 1645"/>
                <a:gd name="T42" fmla="*/ 8 w 1642"/>
                <a:gd name="T43" fmla="*/ 947 h 1645"/>
                <a:gd name="T44" fmla="*/ 0 w 1642"/>
                <a:gd name="T45" fmla="*/ 823 h 1645"/>
                <a:gd name="T46" fmla="*/ 3 w 1642"/>
                <a:gd name="T47" fmla="*/ 739 h 1645"/>
                <a:gd name="T48" fmla="*/ 23 w 1642"/>
                <a:gd name="T49" fmla="*/ 620 h 1645"/>
                <a:gd name="T50" fmla="*/ 59 w 1642"/>
                <a:gd name="T51" fmla="*/ 507 h 1645"/>
                <a:gd name="T52" fmla="*/ 113 w 1642"/>
                <a:gd name="T53" fmla="*/ 402 h 1645"/>
                <a:gd name="T54" fmla="*/ 183 w 1642"/>
                <a:gd name="T55" fmla="*/ 303 h 1645"/>
                <a:gd name="T56" fmla="*/ 240 w 1642"/>
                <a:gd name="T57" fmla="*/ 241 h 1645"/>
                <a:gd name="T58" fmla="*/ 334 w 1642"/>
                <a:gd name="T59" fmla="*/ 159 h 1645"/>
                <a:gd name="T60" fmla="*/ 434 w 1642"/>
                <a:gd name="T61" fmla="*/ 94 h 1645"/>
                <a:gd name="T62" fmla="*/ 542 w 1642"/>
                <a:gd name="T63" fmla="*/ 46 h 1645"/>
                <a:gd name="T64" fmla="*/ 657 w 1642"/>
                <a:gd name="T65" fmla="*/ 15 h 1645"/>
                <a:gd name="T66" fmla="*/ 778 w 1642"/>
                <a:gd name="T67" fmla="*/ 1 h 1645"/>
                <a:gd name="T68" fmla="*/ 862 w 1642"/>
                <a:gd name="T69" fmla="*/ 1 h 1645"/>
                <a:gd name="T70" fmla="*/ 984 w 1642"/>
                <a:gd name="T71" fmla="*/ 15 h 1645"/>
                <a:gd name="T72" fmla="*/ 1099 w 1642"/>
                <a:gd name="T73" fmla="*/ 46 h 1645"/>
                <a:gd name="T74" fmla="*/ 1207 w 1642"/>
                <a:gd name="T75" fmla="*/ 94 h 1645"/>
                <a:gd name="T76" fmla="*/ 1307 w 1642"/>
                <a:gd name="T77" fmla="*/ 159 h 1645"/>
                <a:gd name="T78" fmla="*/ 1401 w 1642"/>
                <a:gd name="T79" fmla="*/ 241 h 1645"/>
                <a:gd name="T80" fmla="*/ 1457 w 1642"/>
                <a:gd name="T81" fmla="*/ 303 h 1645"/>
                <a:gd name="T82" fmla="*/ 1528 w 1642"/>
                <a:gd name="T83" fmla="*/ 402 h 1645"/>
                <a:gd name="T84" fmla="*/ 1581 w 1642"/>
                <a:gd name="T85" fmla="*/ 507 h 1645"/>
                <a:gd name="T86" fmla="*/ 1618 w 1642"/>
                <a:gd name="T87" fmla="*/ 620 h 1645"/>
                <a:gd name="T88" fmla="*/ 1638 w 1642"/>
                <a:gd name="T89" fmla="*/ 739 h 1645"/>
                <a:gd name="T90" fmla="*/ 1642 w 1642"/>
                <a:gd name="T91" fmla="*/ 823 h 16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</a:cxnLst>
              <a:rect l="0" t="0" r="r" b="b"/>
              <a:pathLst>
                <a:path w="1642" h="1645">
                  <a:moveTo>
                    <a:pt x="1642" y="823"/>
                  </a:moveTo>
                  <a:lnTo>
                    <a:pt x="1642" y="823"/>
                  </a:lnTo>
                  <a:lnTo>
                    <a:pt x="1641" y="865"/>
                  </a:lnTo>
                  <a:lnTo>
                    <a:pt x="1638" y="906"/>
                  </a:lnTo>
                  <a:lnTo>
                    <a:pt x="1632" y="947"/>
                  </a:lnTo>
                  <a:lnTo>
                    <a:pt x="1626" y="987"/>
                  </a:lnTo>
                  <a:lnTo>
                    <a:pt x="1618" y="1026"/>
                  </a:lnTo>
                  <a:lnTo>
                    <a:pt x="1608" y="1065"/>
                  </a:lnTo>
                  <a:lnTo>
                    <a:pt x="1596" y="1102"/>
                  </a:lnTo>
                  <a:lnTo>
                    <a:pt x="1581" y="1139"/>
                  </a:lnTo>
                  <a:lnTo>
                    <a:pt x="1566" y="1175"/>
                  </a:lnTo>
                  <a:lnTo>
                    <a:pt x="1547" y="1210"/>
                  </a:lnTo>
                  <a:lnTo>
                    <a:pt x="1528" y="1245"/>
                  </a:lnTo>
                  <a:lnTo>
                    <a:pt x="1506" y="1277"/>
                  </a:lnTo>
                  <a:lnTo>
                    <a:pt x="1483" y="1310"/>
                  </a:lnTo>
                  <a:lnTo>
                    <a:pt x="1457" y="1343"/>
                  </a:lnTo>
                  <a:lnTo>
                    <a:pt x="1430" y="1374"/>
                  </a:lnTo>
                  <a:lnTo>
                    <a:pt x="1401" y="1405"/>
                  </a:lnTo>
                  <a:lnTo>
                    <a:pt x="1401" y="1405"/>
                  </a:lnTo>
                  <a:lnTo>
                    <a:pt x="1371" y="1434"/>
                  </a:lnTo>
                  <a:lnTo>
                    <a:pt x="1339" y="1461"/>
                  </a:lnTo>
                  <a:lnTo>
                    <a:pt x="1307" y="1486"/>
                  </a:lnTo>
                  <a:lnTo>
                    <a:pt x="1275" y="1510"/>
                  </a:lnTo>
                  <a:lnTo>
                    <a:pt x="1241" y="1531"/>
                  </a:lnTo>
                  <a:lnTo>
                    <a:pt x="1207" y="1552"/>
                  </a:lnTo>
                  <a:lnTo>
                    <a:pt x="1171" y="1569"/>
                  </a:lnTo>
                  <a:lnTo>
                    <a:pt x="1135" y="1586"/>
                  </a:lnTo>
                  <a:lnTo>
                    <a:pt x="1099" y="1599"/>
                  </a:lnTo>
                  <a:lnTo>
                    <a:pt x="1061" y="1612"/>
                  </a:lnTo>
                  <a:lnTo>
                    <a:pt x="1023" y="1622"/>
                  </a:lnTo>
                  <a:lnTo>
                    <a:pt x="984" y="1631"/>
                  </a:lnTo>
                  <a:lnTo>
                    <a:pt x="944" y="1637"/>
                  </a:lnTo>
                  <a:lnTo>
                    <a:pt x="904" y="1642"/>
                  </a:lnTo>
                  <a:lnTo>
                    <a:pt x="862" y="1644"/>
                  </a:lnTo>
                  <a:lnTo>
                    <a:pt x="820" y="1645"/>
                  </a:lnTo>
                  <a:lnTo>
                    <a:pt x="820" y="1645"/>
                  </a:lnTo>
                  <a:lnTo>
                    <a:pt x="778" y="1644"/>
                  </a:lnTo>
                  <a:lnTo>
                    <a:pt x="737" y="1642"/>
                  </a:lnTo>
                  <a:lnTo>
                    <a:pt x="696" y="1637"/>
                  </a:lnTo>
                  <a:lnTo>
                    <a:pt x="657" y="1631"/>
                  </a:lnTo>
                  <a:lnTo>
                    <a:pt x="617" y="1622"/>
                  </a:lnTo>
                  <a:lnTo>
                    <a:pt x="579" y="1612"/>
                  </a:lnTo>
                  <a:lnTo>
                    <a:pt x="542" y="1599"/>
                  </a:lnTo>
                  <a:lnTo>
                    <a:pt x="505" y="1586"/>
                  </a:lnTo>
                  <a:lnTo>
                    <a:pt x="469" y="1569"/>
                  </a:lnTo>
                  <a:lnTo>
                    <a:pt x="434" y="1552"/>
                  </a:lnTo>
                  <a:lnTo>
                    <a:pt x="400" y="1531"/>
                  </a:lnTo>
                  <a:lnTo>
                    <a:pt x="367" y="1510"/>
                  </a:lnTo>
                  <a:lnTo>
                    <a:pt x="334" y="1486"/>
                  </a:lnTo>
                  <a:lnTo>
                    <a:pt x="301" y="1461"/>
                  </a:lnTo>
                  <a:lnTo>
                    <a:pt x="270" y="1434"/>
                  </a:lnTo>
                  <a:lnTo>
                    <a:pt x="240" y="1405"/>
                  </a:lnTo>
                  <a:lnTo>
                    <a:pt x="240" y="1405"/>
                  </a:lnTo>
                  <a:lnTo>
                    <a:pt x="211" y="1374"/>
                  </a:lnTo>
                  <a:lnTo>
                    <a:pt x="183" y="1343"/>
                  </a:lnTo>
                  <a:lnTo>
                    <a:pt x="158" y="1310"/>
                  </a:lnTo>
                  <a:lnTo>
                    <a:pt x="135" y="1277"/>
                  </a:lnTo>
                  <a:lnTo>
                    <a:pt x="113" y="1245"/>
                  </a:lnTo>
                  <a:lnTo>
                    <a:pt x="93" y="1210"/>
                  </a:lnTo>
                  <a:lnTo>
                    <a:pt x="76" y="1175"/>
                  </a:lnTo>
                  <a:lnTo>
                    <a:pt x="59" y="1139"/>
                  </a:lnTo>
                  <a:lnTo>
                    <a:pt x="46" y="1102"/>
                  </a:lnTo>
                  <a:lnTo>
                    <a:pt x="33" y="1065"/>
                  </a:lnTo>
                  <a:lnTo>
                    <a:pt x="23" y="1026"/>
                  </a:lnTo>
                  <a:lnTo>
                    <a:pt x="14" y="987"/>
                  </a:lnTo>
                  <a:lnTo>
                    <a:pt x="8" y="947"/>
                  </a:lnTo>
                  <a:lnTo>
                    <a:pt x="3" y="906"/>
                  </a:lnTo>
                  <a:lnTo>
                    <a:pt x="1" y="865"/>
                  </a:lnTo>
                  <a:lnTo>
                    <a:pt x="0" y="823"/>
                  </a:lnTo>
                  <a:lnTo>
                    <a:pt x="0" y="823"/>
                  </a:lnTo>
                  <a:lnTo>
                    <a:pt x="1" y="781"/>
                  </a:lnTo>
                  <a:lnTo>
                    <a:pt x="3" y="739"/>
                  </a:lnTo>
                  <a:lnTo>
                    <a:pt x="8" y="699"/>
                  </a:lnTo>
                  <a:lnTo>
                    <a:pt x="14" y="659"/>
                  </a:lnTo>
                  <a:lnTo>
                    <a:pt x="23" y="620"/>
                  </a:lnTo>
                  <a:lnTo>
                    <a:pt x="33" y="582"/>
                  </a:lnTo>
                  <a:lnTo>
                    <a:pt x="46" y="544"/>
                  </a:lnTo>
                  <a:lnTo>
                    <a:pt x="59" y="507"/>
                  </a:lnTo>
                  <a:lnTo>
                    <a:pt x="76" y="471"/>
                  </a:lnTo>
                  <a:lnTo>
                    <a:pt x="93" y="436"/>
                  </a:lnTo>
                  <a:lnTo>
                    <a:pt x="113" y="402"/>
                  </a:lnTo>
                  <a:lnTo>
                    <a:pt x="135" y="368"/>
                  </a:lnTo>
                  <a:lnTo>
                    <a:pt x="158" y="335"/>
                  </a:lnTo>
                  <a:lnTo>
                    <a:pt x="183" y="303"/>
                  </a:lnTo>
                  <a:lnTo>
                    <a:pt x="211" y="271"/>
                  </a:lnTo>
                  <a:lnTo>
                    <a:pt x="240" y="241"/>
                  </a:lnTo>
                  <a:lnTo>
                    <a:pt x="240" y="241"/>
                  </a:lnTo>
                  <a:lnTo>
                    <a:pt x="270" y="212"/>
                  </a:lnTo>
                  <a:lnTo>
                    <a:pt x="301" y="185"/>
                  </a:lnTo>
                  <a:lnTo>
                    <a:pt x="334" y="159"/>
                  </a:lnTo>
                  <a:lnTo>
                    <a:pt x="367" y="135"/>
                  </a:lnTo>
                  <a:lnTo>
                    <a:pt x="400" y="114"/>
                  </a:lnTo>
                  <a:lnTo>
                    <a:pt x="434" y="94"/>
                  </a:lnTo>
                  <a:lnTo>
                    <a:pt x="469" y="76"/>
                  </a:lnTo>
                  <a:lnTo>
                    <a:pt x="505" y="60"/>
                  </a:lnTo>
                  <a:lnTo>
                    <a:pt x="542" y="46"/>
                  </a:lnTo>
                  <a:lnTo>
                    <a:pt x="579" y="34"/>
                  </a:lnTo>
                  <a:lnTo>
                    <a:pt x="617" y="23"/>
                  </a:lnTo>
                  <a:lnTo>
                    <a:pt x="657" y="15"/>
                  </a:lnTo>
                  <a:lnTo>
                    <a:pt x="696" y="8"/>
                  </a:lnTo>
                  <a:lnTo>
                    <a:pt x="737" y="4"/>
                  </a:lnTo>
                  <a:lnTo>
                    <a:pt x="778" y="1"/>
                  </a:lnTo>
                  <a:lnTo>
                    <a:pt x="820" y="0"/>
                  </a:lnTo>
                  <a:lnTo>
                    <a:pt x="820" y="0"/>
                  </a:lnTo>
                  <a:lnTo>
                    <a:pt x="862" y="1"/>
                  </a:lnTo>
                  <a:lnTo>
                    <a:pt x="904" y="4"/>
                  </a:lnTo>
                  <a:lnTo>
                    <a:pt x="944" y="8"/>
                  </a:lnTo>
                  <a:lnTo>
                    <a:pt x="984" y="15"/>
                  </a:lnTo>
                  <a:lnTo>
                    <a:pt x="1023" y="23"/>
                  </a:lnTo>
                  <a:lnTo>
                    <a:pt x="1061" y="34"/>
                  </a:lnTo>
                  <a:lnTo>
                    <a:pt x="1099" y="46"/>
                  </a:lnTo>
                  <a:lnTo>
                    <a:pt x="1135" y="60"/>
                  </a:lnTo>
                  <a:lnTo>
                    <a:pt x="1171" y="76"/>
                  </a:lnTo>
                  <a:lnTo>
                    <a:pt x="1207" y="94"/>
                  </a:lnTo>
                  <a:lnTo>
                    <a:pt x="1241" y="114"/>
                  </a:lnTo>
                  <a:lnTo>
                    <a:pt x="1275" y="135"/>
                  </a:lnTo>
                  <a:lnTo>
                    <a:pt x="1307" y="159"/>
                  </a:lnTo>
                  <a:lnTo>
                    <a:pt x="1339" y="185"/>
                  </a:lnTo>
                  <a:lnTo>
                    <a:pt x="1371" y="212"/>
                  </a:lnTo>
                  <a:lnTo>
                    <a:pt x="1401" y="241"/>
                  </a:lnTo>
                  <a:lnTo>
                    <a:pt x="1401" y="241"/>
                  </a:lnTo>
                  <a:lnTo>
                    <a:pt x="1430" y="271"/>
                  </a:lnTo>
                  <a:lnTo>
                    <a:pt x="1457" y="303"/>
                  </a:lnTo>
                  <a:lnTo>
                    <a:pt x="1483" y="335"/>
                  </a:lnTo>
                  <a:lnTo>
                    <a:pt x="1506" y="368"/>
                  </a:lnTo>
                  <a:lnTo>
                    <a:pt x="1528" y="402"/>
                  </a:lnTo>
                  <a:lnTo>
                    <a:pt x="1547" y="436"/>
                  </a:lnTo>
                  <a:lnTo>
                    <a:pt x="1566" y="471"/>
                  </a:lnTo>
                  <a:lnTo>
                    <a:pt x="1581" y="507"/>
                  </a:lnTo>
                  <a:lnTo>
                    <a:pt x="1596" y="544"/>
                  </a:lnTo>
                  <a:lnTo>
                    <a:pt x="1608" y="582"/>
                  </a:lnTo>
                  <a:lnTo>
                    <a:pt x="1618" y="620"/>
                  </a:lnTo>
                  <a:lnTo>
                    <a:pt x="1626" y="659"/>
                  </a:lnTo>
                  <a:lnTo>
                    <a:pt x="1632" y="699"/>
                  </a:lnTo>
                  <a:lnTo>
                    <a:pt x="1638" y="739"/>
                  </a:lnTo>
                  <a:lnTo>
                    <a:pt x="1641" y="781"/>
                  </a:lnTo>
                  <a:lnTo>
                    <a:pt x="1642" y="823"/>
                  </a:lnTo>
                  <a:lnTo>
                    <a:pt x="1642" y="82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20" name="Gruppe 19"/>
          <p:cNvGrpSpPr>
            <a:grpSpLocks/>
          </p:cNvGrpSpPr>
          <p:nvPr/>
        </p:nvGrpSpPr>
        <p:grpSpPr>
          <a:xfrm>
            <a:off x="568325" y="3118357"/>
            <a:ext cx="720725" cy="720725"/>
            <a:chOff x="5068888" y="1925638"/>
            <a:chExt cx="720725" cy="720725"/>
          </a:xfrm>
        </p:grpSpPr>
        <p:sp>
          <p:nvSpPr>
            <p:cNvPr id="21" name="Freeform 50"/>
            <p:cNvSpPr>
              <a:spLocks/>
            </p:cNvSpPr>
            <p:nvPr/>
          </p:nvSpPr>
          <p:spPr bwMode="auto">
            <a:xfrm>
              <a:off x="5068888" y="1925638"/>
              <a:ext cx="720725" cy="720725"/>
            </a:xfrm>
            <a:custGeom>
              <a:avLst/>
              <a:gdLst>
                <a:gd name="T0" fmla="*/ 13593 w 13620"/>
                <a:gd name="T1" fmla="*/ 7420 h 13620"/>
                <a:gd name="T2" fmla="*/ 13482 w 13620"/>
                <a:gd name="T3" fmla="*/ 8182 h 13620"/>
                <a:gd name="T4" fmla="*/ 13288 w 13620"/>
                <a:gd name="T5" fmla="*/ 8915 h 13620"/>
                <a:gd name="T6" fmla="*/ 13019 w 13620"/>
                <a:gd name="T7" fmla="*/ 9613 h 13620"/>
                <a:gd name="T8" fmla="*/ 12677 w 13620"/>
                <a:gd name="T9" fmla="*/ 10270 h 13620"/>
                <a:gd name="T10" fmla="*/ 12267 w 13620"/>
                <a:gd name="T11" fmla="*/ 10885 h 13620"/>
                <a:gd name="T12" fmla="*/ 11796 w 13620"/>
                <a:gd name="T13" fmla="*/ 11449 h 13620"/>
                <a:gd name="T14" fmla="*/ 11266 w 13620"/>
                <a:gd name="T15" fmla="*/ 11959 h 13620"/>
                <a:gd name="T16" fmla="*/ 10685 w 13620"/>
                <a:gd name="T17" fmla="*/ 12410 h 13620"/>
                <a:gd name="T18" fmla="*/ 10056 w 13620"/>
                <a:gd name="T19" fmla="*/ 12798 h 13620"/>
                <a:gd name="T20" fmla="*/ 9384 w 13620"/>
                <a:gd name="T21" fmla="*/ 13117 h 13620"/>
                <a:gd name="T22" fmla="*/ 8674 w 13620"/>
                <a:gd name="T23" fmla="*/ 13362 h 13620"/>
                <a:gd name="T24" fmla="*/ 7932 w 13620"/>
                <a:gd name="T25" fmla="*/ 13528 h 13620"/>
                <a:gd name="T26" fmla="*/ 7160 w 13620"/>
                <a:gd name="T27" fmla="*/ 13611 h 13620"/>
                <a:gd name="T28" fmla="*/ 6460 w 13620"/>
                <a:gd name="T29" fmla="*/ 13611 h 13620"/>
                <a:gd name="T30" fmla="*/ 5688 w 13620"/>
                <a:gd name="T31" fmla="*/ 13528 h 13620"/>
                <a:gd name="T32" fmla="*/ 4946 w 13620"/>
                <a:gd name="T33" fmla="*/ 13362 h 13620"/>
                <a:gd name="T34" fmla="*/ 4236 w 13620"/>
                <a:gd name="T35" fmla="*/ 13117 h 13620"/>
                <a:gd name="T36" fmla="*/ 3564 w 13620"/>
                <a:gd name="T37" fmla="*/ 12798 h 13620"/>
                <a:gd name="T38" fmla="*/ 2935 w 13620"/>
                <a:gd name="T39" fmla="*/ 12410 h 13620"/>
                <a:gd name="T40" fmla="*/ 2354 w 13620"/>
                <a:gd name="T41" fmla="*/ 11959 h 13620"/>
                <a:gd name="T42" fmla="*/ 1824 w 13620"/>
                <a:gd name="T43" fmla="*/ 11449 h 13620"/>
                <a:gd name="T44" fmla="*/ 1353 w 13620"/>
                <a:gd name="T45" fmla="*/ 10885 h 13620"/>
                <a:gd name="T46" fmla="*/ 943 w 13620"/>
                <a:gd name="T47" fmla="*/ 10270 h 13620"/>
                <a:gd name="T48" fmla="*/ 601 w 13620"/>
                <a:gd name="T49" fmla="*/ 9613 h 13620"/>
                <a:gd name="T50" fmla="*/ 332 w 13620"/>
                <a:gd name="T51" fmla="*/ 8915 h 13620"/>
                <a:gd name="T52" fmla="*/ 138 w 13620"/>
                <a:gd name="T53" fmla="*/ 8182 h 13620"/>
                <a:gd name="T54" fmla="*/ 27 w 13620"/>
                <a:gd name="T55" fmla="*/ 7420 h 13620"/>
                <a:gd name="T56" fmla="*/ 1 w 13620"/>
                <a:gd name="T57" fmla="*/ 6722 h 13620"/>
                <a:gd name="T58" fmla="*/ 54 w 13620"/>
                <a:gd name="T59" fmla="*/ 5942 h 13620"/>
                <a:gd name="T60" fmla="*/ 194 w 13620"/>
                <a:gd name="T61" fmla="*/ 5190 h 13620"/>
                <a:gd name="T62" fmla="*/ 414 w 13620"/>
                <a:gd name="T63" fmla="*/ 4468 h 13620"/>
                <a:gd name="T64" fmla="*/ 708 w 13620"/>
                <a:gd name="T65" fmla="*/ 3783 h 13620"/>
                <a:gd name="T66" fmla="*/ 1072 w 13620"/>
                <a:gd name="T67" fmla="*/ 3140 h 13620"/>
                <a:gd name="T68" fmla="*/ 1503 w 13620"/>
                <a:gd name="T69" fmla="*/ 2541 h 13620"/>
                <a:gd name="T70" fmla="*/ 1995 w 13620"/>
                <a:gd name="T71" fmla="*/ 1995 h 13620"/>
                <a:gd name="T72" fmla="*/ 2541 w 13620"/>
                <a:gd name="T73" fmla="*/ 1503 h 13620"/>
                <a:gd name="T74" fmla="*/ 3140 w 13620"/>
                <a:gd name="T75" fmla="*/ 1072 h 13620"/>
                <a:gd name="T76" fmla="*/ 3783 w 13620"/>
                <a:gd name="T77" fmla="*/ 708 h 13620"/>
                <a:gd name="T78" fmla="*/ 4468 w 13620"/>
                <a:gd name="T79" fmla="*/ 414 h 13620"/>
                <a:gd name="T80" fmla="*/ 5190 w 13620"/>
                <a:gd name="T81" fmla="*/ 194 h 13620"/>
                <a:gd name="T82" fmla="*/ 5942 w 13620"/>
                <a:gd name="T83" fmla="*/ 54 h 13620"/>
                <a:gd name="T84" fmla="*/ 6722 w 13620"/>
                <a:gd name="T85" fmla="*/ 1 h 13620"/>
                <a:gd name="T86" fmla="*/ 7420 w 13620"/>
                <a:gd name="T87" fmla="*/ 27 h 13620"/>
                <a:gd name="T88" fmla="*/ 8182 w 13620"/>
                <a:gd name="T89" fmla="*/ 138 h 13620"/>
                <a:gd name="T90" fmla="*/ 8915 w 13620"/>
                <a:gd name="T91" fmla="*/ 332 h 13620"/>
                <a:gd name="T92" fmla="*/ 9613 w 13620"/>
                <a:gd name="T93" fmla="*/ 601 h 13620"/>
                <a:gd name="T94" fmla="*/ 10270 w 13620"/>
                <a:gd name="T95" fmla="*/ 943 h 13620"/>
                <a:gd name="T96" fmla="*/ 10885 w 13620"/>
                <a:gd name="T97" fmla="*/ 1353 h 13620"/>
                <a:gd name="T98" fmla="*/ 11449 w 13620"/>
                <a:gd name="T99" fmla="*/ 1824 h 13620"/>
                <a:gd name="T100" fmla="*/ 11959 w 13620"/>
                <a:gd name="T101" fmla="*/ 2354 h 13620"/>
                <a:gd name="T102" fmla="*/ 12410 w 13620"/>
                <a:gd name="T103" fmla="*/ 2935 h 13620"/>
                <a:gd name="T104" fmla="*/ 12798 w 13620"/>
                <a:gd name="T105" fmla="*/ 3564 h 13620"/>
                <a:gd name="T106" fmla="*/ 13117 w 13620"/>
                <a:gd name="T107" fmla="*/ 4236 h 13620"/>
                <a:gd name="T108" fmla="*/ 13362 w 13620"/>
                <a:gd name="T109" fmla="*/ 4946 h 13620"/>
                <a:gd name="T110" fmla="*/ 13528 w 13620"/>
                <a:gd name="T111" fmla="*/ 5688 h 13620"/>
                <a:gd name="T112" fmla="*/ 13611 w 13620"/>
                <a:gd name="T113" fmla="*/ 6460 h 136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13620" h="13620">
                  <a:moveTo>
                    <a:pt x="13620" y="6810"/>
                  </a:moveTo>
                  <a:lnTo>
                    <a:pt x="13620" y="6810"/>
                  </a:lnTo>
                  <a:lnTo>
                    <a:pt x="13619" y="6898"/>
                  </a:lnTo>
                  <a:lnTo>
                    <a:pt x="13618" y="6986"/>
                  </a:lnTo>
                  <a:lnTo>
                    <a:pt x="13615" y="7073"/>
                  </a:lnTo>
                  <a:lnTo>
                    <a:pt x="13611" y="7160"/>
                  </a:lnTo>
                  <a:lnTo>
                    <a:pt x="13606" y="7247"/>
                  </a:lnTo>
                  <a:lnTo>
                    <a:pt x="13600" y="7334"/>
                  </a:lnTo>
                  <a:lnTo>
                    <a:pt x="13593" y="7420"/>
                  </a:lnTo>
                  <a:lnTo>
                    <a:pt x="13585" y="7506"/>
                  </a:lnTo>
                  <a:lnTo>
                    <a:pt x="13576" y="7592"/>
                  </a:lnTo>
                  <a:lnTo>
                    <a:pt x="13566" y="7678"/>
                  </a:lnTo>
                  <a:lnTo>
                    <a:pt x="13554" y="7762"/>
                  </a:lnTo>
                  <a:lnTo>
                    <a:pt x="13541" y="7847"/>
                  </a:lnTo>
                  <a:lnTo>
                    <a:pt x="13528" y="7932"/>
                  </a:lnTo>
                  <a:lnTo>
                    <a:pt x="13514" y="8016"/>
                  </a:lnTo>
                  <a:lnTo>
                    <a:pt x="13498" y="8099"/>
                  </a:lnTo>
                  <a:lnTo>
                    <a:pt x="13482" y="8182"/>
                  </a:lnTo>
                  <a:lnTo>
                    <a:pt x="13465" y="8266"/>
                  </a:lnTo>
                  <a:lnTo>
                    <a:pt x="13445" y="8348"/>
                  </a:lnTo>
                  <a:lnTo>
                    <a:pt x="13426" y="8430"/>
                  </a:lnTo>
                  <a:lnTo>
                    <a:pt x="13405" y="8512"/>
                  </a:lnTo>
                  <a:lnTo>
                    <a:pt x="13384" y="8594"/>
                  </a:lnTo>
                  <a:lnTo>
                    <a:pt x="13362" y="8674"/>
                  </a:lnTo>
                  <a:lnTo>
                    <a:pt x="13339" y="8755"/>
                  </a:lnTo>
                  <a:lnTo>
                    <a:pt x="13314" y="8835"/>
                  </a:lnTo>
                  <a:lnTo>
                    <a:pt x="13288" y="8915"/>
                  </a:lnTo>
                  <a:lnTo>
                    <a:pt x="13262" y="8994"/>
                  </a:lnTo>
                  <a:lnTo>
                    <a:pt x="13235" y="9073"/>
                  </a:lnTo>
                  <a:lnTo>
                    <a:pt x="13206" y="9152"/>
                  </a:lnTo>
                  <a:lnTo>
                    <a:pt x="13178" y="9229"/>
                  </a:lnTo>
                  <a:lnTo>
                    <a:pt x="13148" y="9307"/>
                  </a:lnTo>
                  <a:lnTo>
                    <a:pt x="13117" y="9384"/>
                  </a:lnTo>
                  <a:lnTo>
                    <a:pt x="13085" y="9460"/>
                  </a:lnTo>
                  <a:lnTo>
                    <a:pt x="13052" y="9537"/>
                  </a:lnTo>
                  <a:lnTo>
                    <a:pt x="13019" y="9613"/>
                  </a:lnTo>
                  <a:lnTo>
                    <a:pt x="12983" y="9687"/>
                  </a:lnTo>
                  <a:lnTo>
                    <a:pt x="12948" y="9762"/>
                  </a:lnTo>
                  <a:lnTo>
                    <a:pt x="12912" y="9837"/>
                  </a:lnTo>
                  <a:lnTo>
                    <a:pt x="12875" y="9910"/>
                  </a:lnTo>
                  <a:lnTo>
                    <a:pt x="12837" y="9983"/>
                  </a:lnTo>
                  <a:lnTo>
                    <a:pt x="12798" y="10056"/>
                  </a:lnTo>
                  <a:lnTo>
                    <a:pt x="12758" y="10128"/>
                  </a:lnTo>
                  <a:lnTo>
                    <a:pt x="12718" y="10200"/>
                  </a:lnTo>
                  <a:lnTo>
                    <a:pt x="12677" y="10270"/>
                  </a:lnTo>
                  <a:lnTo>
                    <a:pt x="12634" y="10341"/>
                  </a:lnTo>
                  <a:lnTo>
                    <a:pt x="12591" y="10411"/>
                  </a:lnTo>
                  <a:lnTo>
                    <a:pt x="12548" y="10480"/>
                  </a:lnTo>
                  <a:lnTo>
                    <a:pt x="12502" y="10549"/>
                  </a:lnTo>
                  <a:lnTo>
                    <a:pt x="12457" y="10618"/>
                  </a:lnTo>
                  <a:lnTo>
                    <a:pt x="12410" y="10685"/>
                  </a:lnTo>
                  <a:lnTo>
                    <a:pt x="12364" y="10752"/>
                  </a:lnTo>
                  <a:lnTo>
                    <a:pt x="12316" y="10818"/>
                  </a:lnTo>
                  <a:lnTo>
                    <a:pt x="12267" y="10885"/>
                  </a:lnTo>
                  <a:lnTo>
                    <a:pt x="12218" y="10949"/>
                  </a:lnTo>
                  <a:lnTo>
                    <a:pt x="12167" y="11014"/>
                  </a:lnTo>
                  <a:lnTo>
                    <a:pt x="12117" y="11079"/>
                  </a:lnTo>
                  <a:lnTo>
                    <a:pt x="12065" y="11142"/>
                  </a:lnTo>
                  <a:lnTo>
                    <a:pt x="12013" y="11205"/>
                  </a:lnTo>
                  <a:lnTo>
                    <a:pt x="11959" y="11266"/>
                  </a:lnTo>
                  <a:lnTo>
                    <a:pt x="11906" y="11328"/>
                  </a:lnTo>
                  <a:lnTo>
                    <a:pt x="11850" y="11389"/>
                  </a:lnTo>
                  <a:lnTo>
                    <a:pt x="11796" y="11449"/>
                  </a:lnTo>
                  <a:lnTo>
                    <a:pt x="11739" y="11508"/>
                  </a:lnTo>
                  <a:lnTo>
                    <a:pt x="11683" y="11567"/>
                  </a:lnTo>
                  <a:lnTo>
                    <a:pt x="11625" y="11625"/>
                  </a:lnTo>
                  <a:lnTo>
                    <a:pt x="11567" y="11683"/>
                  </a:lnTo>
                  <a:lnTo>
                    <a:pt x="11508" y="11739"/>
                  </a:lnTo>
                  <a:lnTo>
                    <a:pt x="11449" y="11796"/>
                  </a:lnTo>
                  <a:lnTo>
                    <a:pt x="11389" y="11850"/>
                  </a:lnTo>
                  <a:lnTo>
                    <a:pt x="11328" y="11906"/>
                  </a:lnTo>
                  <a:lnTo>
                    <a:pt x="11266" y="11959"/>
                  </a:lnTo>
                  <a:lnTo>
                    <a:pt x="11205" y="12013"/>
                  </a:lnTo>
                  <a:lnTo>
                    <a:pt x="11142" y="12065"/>
                  </a:lnTo>
                  <a:lnTo>
                    <a:pt x="11079" y="12117"/>
                  </a:lnTo>
                  <a:lnTo>
                    <a:pt x="11014" y="12167"/>
                  </a:lnTo>
                  <a:lnTo>
                    <a:pt x="10949" y="12218"/>
                  </a:lnTo>
                  <a:lnTo>
                    <a:pt x="10885" y="12267"/>
                  </a:lnTo>
                  <a:lnTo>
                    <a:pt x="10818" y="12316"/>
                  </a:lnTo>
                  <a:lnTo>
                    <a:pt x="10752" y="12364"/>
                  </a:lnTo>
                  <a:lnTo>
                    <a:pt x="10685" y="12410"/>
                  </a:lnTo>
                  <a:lnTo>
                    <a:pt x="10618" y="12457"/>
                  </a:lnTo>
                  <a:lnTo>
                    <a:pt x="10549" y="12502"/>
                  </a:lnTo>
                  <a:lnTo>
                    <a:pt x="10480" y="12548"/>
                  </a:lnTo>
                  <a:lnTo>
                    <a:pt x="10411" y="12591"/>
                  </a:lnTo>
                  <a:lnTo>
                    <a:pt x="10341" y="12634"/>
                  </a:lnTo>
                  <a:lnTo>
                    <a:pt x="10270" y="12677"/>
                  </a:lnTo>
                  <a:lnTo>
                    <a:pt x="10200" y="12718"/>
                  </a:lnTo>
                  <a:lnTo>
                    <a:pt x="10128" y="12758"/>
                  </a:lnTo>
                  <a:lnTo>
                    <a:pt x="10056" y="12798"/>
                  </a:lnTo>
                  <a:lnTo>
                    <a:pt x="9983" y="12837"/>
                  </a:lnTo>
                  <a:lnTo>
                    <a:pt x="9910" y="12875"/>
                  </a:lnTo>
                  <a:lnTo>
                    <a:pt x="9837" y="12912"/>
                  </a:lnTo>
                  <a:lnTo>
                    <a:pt x="9762" y="12948"/>
                  </a:lnTo>
                  <a:lnTo>
                    <a:pt x="9687" y="12983"/>
                  </a:lnTo>
                  <a:lnTo>
                    <a:pt x="9613" y="13019"/>
                  </a:lnTo>
                  <a:lnTo>
                    <a:pt x="9537" y="13052"/>
                  </a:lnTo>
                  <a:lnTo>
                    <a:pt x="9460" y="13085"/>
                  </a:lnTo>
                  <a:lnTo>
                    <a:pt x="9384" y="13117"/>
                  </a:lnTo>
                  <a:lnTo>
                    <a:pt x="9307" y="13148"/>
                  </a:lnTo>
                  <a:lnTo>
                    <a:pt x="9229" y="13178"/>
                  </a:lnTo>
                  <a:lnTo>
                    <a:pt x="9152" y="13206"/>
                  </a:lnTo>
                  <a:lnTo>
                    <a:pt x="9073" y="13235"/>
                  </a:lnTo>
                  <a:lnTo>
                    <a:pt x="8994" y="13262"/>
                  </a:lnTo>
                  <a:lnTo>
                    <a:pt x="8915" y="13288"/>
                  </a:lnTo>
                  <a:lnTo>
                    <a:pt x="8835" y="13314"/>
                  </a:lnTo>
                  <a:lnTo>
                    <a:pt x="8755" y="13339"/>
                  </a:lnTo>
                  <a:lnTo>
                    <a:pt x="8674" y="13362"/>
                  </a:lnTo>
                  <a:lnTo>
                    <a:pt x="8594" y="13384"/>
                  </a:lnTo>
                  <a:lnTo>
                    <a:pt x="8512" y="13405"/>
                  </a:lnTo>
                  <a:lnTo>
                    <a:pt x="8430" y="13426"/>
                  </a:lnTo>
                  <a:lnTo>
                    <a:pt x="8348" y="13445"/>
                  </a:lnTo>
                  <a:lnTo>
                    <a:pt x="8266" y="13465"/>
                  </a:lnTo>
                  <a:lnTo>
                    <a:pt x="8182" y="13482"/>
                  </a:lnTo>
                  <a:lnTo>
                    <a:pt x="8099" y="13498"/>
                  </a:lnTo>
                  <a:lnTo>
                    <a:pt x="8016" y="13514"/>
                  </a:lnTo>
                  <a:lnTo>
                    <a:pt x="7932" y="13528"/>
                  </a:lnTo>
                  <a:lnTo>
                    <a:pt x="7847" y="13541"/>
                  </a:lnTo>
                  <a:lnTo>
                    <a:pt x="7762" y="13554"/>
                  </a:lnTo>
                  <a:lnTo>
                    <a:pt x="7678" y="13566"/>
                  </a:lnTo>
                  <a:lnTo>
                    <a:pt x="7592" y="13576"/>
                  </a:lnTo>
                  <a:lnTo>
                    <a:pt x="7506" y="13585"/>
                  </a:lnTo>
                  <a:lnTo>
                    <a:pt x="7420" y="13593"/>
                  </a:lnTo>
                  <a:lnTo>
                    <a:pt x="7334" y="13600"/>
                  </a:lnTo>
                  <a:lnTo>
                    <a:pt x="7247" y="13606"/>
                  </a:lnTo>
                  <a:lnTo>
                    <a:pt x="7160" y="13611"/>
                  </a:lnTo>
                  <a:lnTo>
                    <a:pt x="7073" y="13615"/>
                  </a:lnTo>
                  <a:lnTo>
                    <a:pt x="6986" y="13618"/>
                  </a:lnTo>
                  <a:lnTo>
                    <a:pt x="6898" y="13619"/>
                  </a:lnTo>
                  <a:lnTo>
                    <a:pt x="6810" y="13620"/>
                  </a:lnTo>
                  <a:lnTo>
                    <a:pt x="6810" y="13620"/>
                  </a:lnTo>
                  <a:lnTo>
                    <a:pt x="6722" y="13619"/>
                  </a:lnTo>
                  <a:lnTo>
                    <a:pt x="6634" y="13618"/>
                  </a:lnTo>
                  <a:lnTo>
                    <a:pt x="6547" y="13615"/>
                  </a:lnTo>
                  <a:lnTo>
                    <a:pt x="6460" y="13611"/>
                  </a:lnTo>
                  <a:lnTo>
                    <a:pt x="6373" y="13606"/>
                  </a:lnTo>
                  <a:lnTo>
                    <a:pt x="6286" y="13600"/>
                  </a:lnTo>
                  <a:lnTo>
                    <a:pt x="6200" y="13593"/>
                  </a:lnTo>
                  <a:lnTo>
                    <a:pt x="6114" y="13585"/>
                  </a:lnTo>
                  <a:lnTo>
                    <a:pt x="6028" y="13576"/>
                  </a:lnTo>
                  <a:lnTo>
                    <a:pt x="5942" y="13566"/>
                  </a:lnTo>
                  <a:lnTo>
                    <a:pt x="5858" y="13554"/>
                  </a:lnTo>
                  <a:lnTo>
                    <a:pt x="5773" y="13541"/>
                  </a:lnTo>
                  <a:lnTo>
                    <a:pt x="5688" y="13528"/>
                  </a:lnTo>
                  <a:lnTo>
                    <a:pt x="5604" y="13514"/>
                  </a:lnTo>
                  <a:lnTo>
                    <a:pt x="5521" y="13498"/>
                  </a:lnTo>
                  <a:lnTo>
                    <a:pt x="5438" y="13482"/>
                  </a:lnTo>
                  <a:lnTo>
                    <a:pt x="5354" y="13465"/>
                  </a:lnTo>
                  <a:lnTo>
                    <a:pt x="5272" y="13445"/>
                  </a:lnTo>
                  <a:lnTo>
                    <a:pt x="5190" y="13426"/>
                  </a:lnTo>
                  <a:lnTo>
                    <a:pt x="5108" y="13405"/>
                  </a:lnTo>
                  <a:lnTo>
                    <a:pt x="5026" y="13384"/>
                  </a:lnTo>
                  <a:lnTo>
                    <a:pt x="4946" y="13362"/>
                  </a:lnTo>
                  <a:lnTo>
                    <a:pt x="4865" y="13339"/>
                  </a:lnTo>
                  <a:lnTo>
                    <a:pt x="4785" y="13314"/>
                  </a:lnTo>
                  <a:lnTo>
                    <a:pt x="4705" y="13288"/>
                  </a:lnTo>
                  <a:lnTo>
                    <a:pt x="4626" y="13262"/>
                  </a:lnTo>
                  <a:lnTo>
                    <a:pt x="4547" y="13235"/>
                  </a:lnTo>
                  <a:lnTo>
                    <a:pt x="4468" y="13206"/>
                  </a:lnTo>
                  <a:lnTo>
                    <a:pt x="4391" y="13178"/>
                  </a:lnTo>
                  <a:lnTo>
                    <a:pt x="4313" y="13148"/>
                  </a:lnTo>
                  <a:lnTo>
                    <a:pt x="4236" y="13117"/>
                  </a:lnTo>
                  <a:lnTo>
                    <a:pt x="4160" y="13085"/>
                  </a:lnTo>
                  <a:lnTo>
                    <a:pt x="4083" y="13052"/>
                  </a:lnTo>
                  <a:lnTo>
                    <a:pt x="4007" y="13019"/>
                  </a:lnTo>
                  <a:lnTo>
                    <a:pt x="3933" y="12983"/>
                  </a:lnTo>
                  <a:lnTo>
                    <a:pt x="3858" y="12948"/>
                  </a:lnTo>
                  <a:lnTo>
                    <a:pt x="3783" y="12912"/>
                  </a:lnTo>
                  <a:lnTo>
                    <a:pt x="3710" y="12875"/>
                  </a:lnTo>
                  <a:lnTo>
                    <a:pt x="3637" y="12837"/>
                  </a:lnTo>
                  <a:lnTo>
                    <a:pt x="3564" y="12798"/>
                  </a:lnTo>
                  <a:lnTo>
                    <a:pt x="3492" y="12758"/>
                  </a:lnTo>
                  <a:lnTo>
                    <a:pt x="3420" y="12718"/>
                  </a:lnTo>
                  <a:lnTo>
                    <a:pt x="3350" y="12677"/>
                  </a:lnTo>
                  <a:lnTo>
                    <a:pt x="3279" y="12634"/>
                  </a:lnTo>
                  <a:lnTo>
                    <a:pt x="3209" y="12591"/>
                  </a:lnTo>
                  <a:lnTo>
                    <a:pt x="3140" y="12548"/>
                  </a:lnTo>
                  <a:lnTo>
                    <a:pt x="3071" y="12502"/>
                  </a:lnTo>
                  <a:lnTo>
                    <a:pt x="3002" y="12457"/>
                  </a:lnTo>
                  <a:lnTo>
                    <a:pt x="2935" y="12410"/>
                  </a:lnTo>
                  <a:lnTo>
                    <a:pt x="2868" y="12364"/>
                  </a:lnTo>
                  <a:lnTo>
                    <a:pt x="2802" y="12316"/>
                  </a:lnTo>
                  <a:lnTo>
                    <a:pt x="2735" y="12267"/>
                  </a:lnTo>
                  <a:lnTo>
                    <a:pt x="2671" y="12218"/>
                  </a:lnTo>
                  <a:lnTo>
                    <a:pt x="2606" y="12167"/>
                  </a:lnTo>
                  <a:lnTo>
                    <a:pt x="2541" y="12117"/>
                  </a:lnTo>
                  <a:lnTo>
                    <a:pt x="2478" y="12065"/>
                  </a:lnTo>
                  <a:lnTo>
                    <a:pt x="2415" y="12013"/>
                  </a:lnTo>
                  <a:lnTo>
                    <a:pt x="2354" y="11959"/>
                  </a:lnTo>
                  <a:lnTo>
                    <a:pt x="2292" y="11906"/>
                  </a:lnTo>
                  <a:lnTo>
                    <a:pt x="2231" y="11850"/>
                  </a:lnTo>
                  <a:lnTo>
                    <a:pt x="2171" y="11796"/>
                  </a:lnTo>
                  <a:lnTo>
                    <a:pt x="2112" y="11739"/>
                  </a:lnTo>
                  <a:lnTo>
                    <a:pt x="2053" y="11683"/>
                  </a:lnTo>
                  <a:lnTo>
                    <a:pt x="1995" y="11625"/>
                  </a:lnTo>
                  <a:lnTo>
                    <a:pt x="1937" y="11567"/>
                  </a:lnTo>
                  <a:lnTo>
                    <a:pt x="1881" y="11508"/>
                  </a:lnTo>
                  <a:lnTo>
                    <a:pt x="1824" y="11449"/>
                  </a:lnTo>
                  <a:lnTo>
                    <a:pt x="1770" y="11389"/>
                  </a:lnTo>
                  <a:lnTo>
                    <a:pt x="1714" y="11328"/>
                  </a:lnTo>
                  <a:lnTo>
                    <a:pt x="1661" y="11266"/>
                  </a:lnTo>
                  <a:lnTo>
                    <a:pt x="1607" y="11205"/>
                  </a:lnTo>
                  <a:lnTo>
                    <a:pt x="1555" y="11142"/>
                  </a:lnTo>
                  <a:lnTo>
                    <a:pt x="1503" y="11079"/>
                  </a:lnTo>
                  <a:lnTo>
                    <a:pt x="1453" y="11014"/>
                  </a:lnTo>
                  <a:lnTo>
                    <a:pt x="1402" y="10949"/>
                  </a:lnTo>
                  <a:lnTo>
                    <a:pt x="1353" y="10885"/>
                  </a:lnTo>
                  <a:lnTo>
                    <a:pt x="1304" y="10818"/>
                  </a:lnTo>
                  <a:lnTo>
                    <a:pt x="1256" y="10752"/>
                  </a:lnTo>
                  <a:lnTo>
                    <a:pt x="1210" y="10685"/>
                  </a:lnTo>
                  <a:lnTo>
                    <a:pt x="1163" y="10618"/>
                  </a:lnTo>
                  <a:lnTo>
                    <a:pt x="1118" y="10549"/>
                  </a:lnTo>
                  <a:lnTo>
                    <a:pt x="1072" y="10480"/>
                  </a:lnTo>
                  <a:lnTo>
                    <a:pt x="1029" y="10411"/>
                  </a:lnTo>
                  <a:lnTo>
                    <a:pt x="986" y="10341"/>
                  </a:lnTo>
                  <a:lnTo>
                    <a:pt x="943" y="10270"/>
                  </a:lnTo>
                  <a:lnTo>
                    <a:pt x="902" y="10200"/>
                  </a:lnTo>
                  <a:lnTo>
                    <a:pt x="862" y="10128"/>
                  </a:lnTo>
                  <a:lnTo>
                    <a:pt x="822" y="10056"/>
                  </a:lnTo>
                  <a:lnTo>
                    <a:pt x="783" y="9983"/>
                  </a:lnTo>
                  <a:lnTo>
                    <a:pt x="745" y="9910"/>
                  </a:lnTo>
                  <a:lnTo>
                    <a:pt x="708" y="9837"/>
                  </a:lnTo>
                  <a:lnTo>
                    <a:pt x="672" y="9762"/>
                  </a:lnTo>
                  <a:lnTo>
                    <a:pt x="637" y="9687"/>
                  </a:lnTo>
                  <a:lnTo>
                    <a:pt x="601" y="9613"/>
                  </a:lnTo>
                  <a:lnTo>
                    <a:pt x="568" y="9537"/>
                  </a:lnTo>
                  <a:lnTo>
                    <a:pt x="535" y="9460"/>
                  </a:lnTo>
                  <a:lnTo>
                    <a:pt x="503" y="9384"/>
                  </a:lnTo>
                  <a:lnTo>
                    <a:pt x="472" y="9307"/>
                  </a:lnTo>
                  <a:lnTo>
                    <a:pt x="442" y="9229"/>
                  </a:lnTo>
                  <a:lnTo>
                    <a:pt x="414" y="9152"/>
                  </a:lnTo>
                  <a:lnTo>
                    <a:pt x="385" y="9073"/>
                  </a:lnTo>
                  <a:lnTo>
                    <a:pt x="358" y="8994"/>
                  </a:lnTo>
                  <a:lnTo>
                    <a:pt x="332" y="8915"/>
                  </a:lnTo>
                  <a:lnTo>
                    <a:pt x="306" y="8835"/>
                  </a:lnTo>
                  <a:lnTo>
                    <a:pt x="281" y="8755"/>
                  </a:lnTo>
                  <a:lnTo>
                    <a:pt x="258" y="8674"/>
                  </a:lnTo>
                  <a:lnTo>
                    <a:pt x="236" y="8594"/>
                  </a:lnTo>
                  <a:lnTo>
                    <a:pt x="215" y="8512"/>
                  </a:lnTo>
                  <a:lnTo>
                    <a:pt x="194" y="8430"/>
                  </a:lnTo>
                  <a:lnTo>
                    <a:pt x="175" y="8348"/>
                  </a:lnTo>
                  <a:lnTo>
                    <a:pt x="155" y="8266"/>
                  </a:lnTo>
                  <a:lnTo>
                    <a:pt x="138" y="8182"/>
                  </a:lnTo>
                  <a:lnTo>
                    <a:pt x="122" y="8099"/>
                  </a:lnTo>
                  <a:lnTo>
                    <a:pt x="106" y="8016"/>
                  </a:lnTo>
                  <a:lnTo>
                    <a:pt x="92" y="7932"/>
                  </a:lnTo>
                  <a:lnTo>
                    <a:pt x="79" y="7847"/>
                  </a:lnTo>
                  <a:lnTo>
                    <a:pt x="66" y="7762"/>
                  </a:lnTo>
                  <a:lnTo>
                    <a:pt x="54" y="7678"/>
                  </a:lnTo>
                  <a:lnTo>
                    <a:pt x="44" y="7592"/>
                  </a:lnTo>
                  <a:lnTo>
                    <a:pt x="35" y="7506"/>
                  </a:lnTo>
                  <a:lnTo>
                    <a:pt x="27" y="7420"/>
                  </a:lnTo>
                  <a:lnTo>
                    <a:pt x="20" y="7334"/>
                  </a:lnTo>
                  <a:lnTo>
                    <a:pt x="14" y="7247"/>
                  </a:lnTo>
                  <a:lnTo>
                    <a:pt x="9" y="7160"/>
                  </a:lnTo>
                  <a:lnTo>
                    <a:pt x="5" y="7073"/>
                  </a:lnTo>
                  <a:lnTo>
                    <a:pt x="2" y="6986"/>
                  </a:lnTo>
                  <a:lnTo>
                    <a:pt x="1" y="6898"/>
                  </a:lnTo>
                  <a:lnTo>
                    <a:pt x="0" y="6810"/>
                  </a:lnTo>
                  <a:lnTo>
                    <a:pt x="0" y="6810"/>
                  </a:lnTo>
                  <a:lnTo>
                    <a:pt x="1" y="6722"/>
                  </a:lnTo>
                  <a:lnTo>
                    <a:pt x="2" y="6634"/>
                  </a:lnTo>
                  <a:lnTo>
                    <a:pt x="5" y="6547"/>
                  </a:lnTo>
                  <a:lnTo>
                    <a:pt x="9" y="6460"/>
                  </a:lnTo>
                  <a:lnTo>
                    <a:pt x="14" y="6373"/>
                  </a:lnTo>
                  <a:lnTo>
                    <a:pt x="20" y="6286"/>
                  </a:lnTo>
                  <a:lnTo>
                    <a:pt x="27" y="6200"/>
                  </a:lnTo>
                  <a:lnTo>
                    <a:pt x="35" y="6114"/>
                  </a:lnTo>
                  <a:lnTo>
                    <a:pt x="44" y="6028"/>
                  </a:lnTo>
                  <a:lnTo>
                    <a:pt x="54" y="5942"/>
                  </a:lnTo>
                  <a:lnTo>
                    <a:pt x="66" y="5858"/>
                  </a:lnTo>
                  <a:lnTo>
                    <a:pt x="79" y="5773"/>
                  </a:lnTo>
                  <a:lnTo>
                    <a:pt x="92" y="5688"/>
                  </a:lnTo>
                  <a:lnTo>
                    <a:pt x="106" y="5604"/>
                  </a:lnTo>
                  <a:lnTo>
                    <a:pt x="122" y="5521"/>
                  </a:lnTo>
                  <a:lnTo>
                    <a:pt x="138" y="5438"/>
                  </a:lnTo>
                  <a:lnTo>
                    <a:pt x="155" y="5354"/>
                  </a:lnTo>
                  <a:lnTo>
                    <a:pt x="175" y="5272"/>
                  </a:lnTo>
                  <a:lnTo>
                    <a:pt x="194" y="5190"/>
                  </a:lnTo>
                  <a:lnTo>
                    <a:pt x="215" y="5108"/>
                  </a:lnTo>
                  <a:lnTo>
                    <a:pt x="236" y="5026"/>
                  </a:lnTo>
                  <a:lnTo>
                    <a:pt x="258" y="4946"/>
                  </a:lnTo>
                  <a:lnTo>
                    <a:pt x="281" y="4865"/>
                  </a:lnTo>
                  <a:lnTo>
                    <a:pt x="306" y="4785"/>
                  </a:lnTo>
                  <a:lnTo>
                    <a:pt x="332" y="4705"/>
                  </a:lnTo>
                  <a:lnTo>
                    <a:pt x="358" y="4626"/>
                  </a:lnTo>
                  <a:lnTo>
                    <a:pt x="385" y="4547"/>
                  </a:lnTo>
                  <a:lnTo>
                    <a:pt x="414" y="4468"/>
                  </a:lnTo>
                  <a:lnTo>
                    <a:pt x="442" y="4391"/>
                  </a:lnTo>
                  <a:lnTo>
                    <a:pt x="472" y="4313"/>
                  </a:lnTo>
                  <a:lnTo>
                    <a:pt x="503" y="4236"/>
                  </a:lnTo>
                  <a:lnTo>
                    <a:pt x="535" y="4160"/>
                  </a:lnTo>
                  <a:lnTo>
                    <a:pt x="568" y="4083"/>
                  </a:lnTo>
                  <a:lnTo>
                    <a:pt x="601" y="4007"/>
                  </a:lnTo>
                  <a:lnTo>
                    <a:pt x="637" y="3933"/>
                  </a:lnTo>
                  <a:lnTo>
                    <a:pt x="672" y="3858"/>
                  </a:lnTo>
                  <a:lnTo>
                    <a:pt x="708" y="3783"/>
                  </a:lnTo>
                  <a:lnTo>
                    <a:pt x="745" y="3710"/>
                  </a:lnTo>
                  <a:lnTo>
                    <a:pt x="783" y="3637"/>
                  </a:lnTo>
                  <a:lnTo>
                    <a:pt x="822" y="3564"/>
                  </a:lnTo>
                  <a:lnTo>
                    <a:pt x="862" y="3492"/>
                  </a:lnTo>
                  <a:lnTo>
                    <a:pt x="902" y="3420"/>
                  </a:lnTo>
                  <a:lnTo>
                    <a:pt x="943" y="3350"/>
                  </a:lnTo>
                  <a:lnTo>
                    <a:pt x="986" y="3279"/>
                  </a:lnTo>
                  <a:lnTo>
                    <a:pt x="1029" y="3209"/>
                  </a:lnTo>
                  <a:lnTo>
                    <a:pt x="1072" y="3140"/>
                  </a:lnTo>
                  <a:lnTo>
                    <a:pt x="1118" y="3071"/>
                  </a:lnTo>
                  <a:lnTo>
                    <a:pt x="1163" y="3002"/>
                  </a:lnTo>
                  <a:lnTo>
                    <a:pt x="1210" y="2935"/>
                  </a:lnTo>
                  <a:lnTo>
                    <a:pt x="1256" y="2868"/>
                  </a:lnTo>
                  <a:lnTo>
                    <a:pt x="1304" y="2802"/>
                  </a:lnTo>
                  <a:lnTo>
                    <a:pt x="1353" y="2735"/>
                  </a:lnTo>
                  <a:lnTo>
                    <a:pt x="1402" y="2671"/>
                  </a:lnTo>
                  <a:lnTo>
                    <a:pt x="1453" y="2606"/>
                  </a:lnTo>
                  <a:lnTo>
                    <a:pt x="1503" y="2541"/>
                  </a:lnTo>
                  <a:lnTo>
                    <a:pt x="1555" y="2478"/>
                  </a:lnTo>
                  <a:lnTo>
                    <a:pt x="1607" y="2415"/>
                  </a:lnTo>
                  <a:lnTo>
                    <a:pt x="1661" y="2354"/>
                  </a:lnTo>
                  <a:lnTo>
                    <a:pt x="1714" y="2292"/>
                  </a:lnTo>
                  <a:lnTo>
                    <a:pt x="1770" y="2231"/>
                  </a:lnTo>
                  <a:lnTo>
                    <a:pt x="1824" y="2171"/>
                  </a:lnTo>
                  <a:lnTo>
                    <a:pt x="1881" y="2112"/>
                  </a:lnTo>
                  <a:lnTo>
                    <a:pt x="1937" y="2053"/>
                  </a:lnTo>
                  <a:lnTo>
                    <a:pt x="1995" y="1995"/>
                  </a:lnTo>
                  <a:lnTo>
                    <a:pt x="2053" y="1937"/>
                  </a:lnTo>
                  <a:lnTo>
                    <a:pt x="2112" y="1881"/>
                  </a:lnTo>
                  <a:lnTo>
                    <a:pt x="2171" y="1824"/>
                  </a:lnTo>
                  <a:lnTo>
                    <a:pt x="2231" y="1770"/>
                  </a:lnTo>
                  <a:lnTo>
                    <a:pt x="2292" y="1714"/>
                  </a:lnTo>
                  <a:lnTo>
                    <a:pt x="2354" y="1661"/>
                  </a:lnTo>
                  <a:lnTo>
                    <a:pt x="2415" y="1607"/>
                  </a:lnTo>
                  <a:lnTo>
                    <a:pt x="2478" y="1555"/>
                  </a:lnTo>
                  <a:lnTo>
                    <a:pt x="2541" y="1503"/>
                  </a:lnTo>
                  <a:lnTo>
                    <a:pt x="2606" y="1453"/>
                  </a:lnTo>
                  <a:lnTo>
                    <a:pt x="2671" y="1402"/>
                  </a:lnTo>
                  <a:lnTo>
                    <a:pt x="2735" y="1353"/>
                  </a:lnTo>
                  <a:lnTo>
                    <a:pt x="2802" y="1304"/>
                  </a:lnTo>
                  <a:lnTo>
                    <a:pt x="2868" y="1256"/>
                  </a:lnTo>
                  <a:lnTo>
                    <a:pt x="2935" y="1210"/>
                  </a:lnTo>
                  <a:lnTo>
                    <a:pt x="3002" y="1163"/>
                  </a:lnTo>
                  <a:lnTo>
                    <a:pt x="3071" y="1118"/>
                  </a:lnTo>
                  <a:lnTo>
                    <a:pt x="3140" y="1072"/>
                  </a:lnTo>
                  <a:lnTo>
                    <a:pt x="3209" y="1029"/>
                  </a:lnTo>
                  <a:lnTo>
                    <a:pt x="3279" y="986"/>
                  </a:lnTo>
                  <a:lnTo>
                    <a:pt x="3350" y="943"/>
                  </a:lnTo>
                  <a:lnTo>
                    <a:pt x="3420" y="902"/>
                  </a:lnTo>
                  <a:lnTo>
                    <a:pt x="3492" y="862"/>
                  </a:lnTo>
                  <a:lnTo>
                    <a:pt x="3564" y="822"/>
                  </a:lnTo>
                  <a:lnTo>
                    <a:pt x="3637" y="783"/>
                  </a:lnTo>
                  <a:lnTo>
                    <a:pt x="3710" y="745"/>
                  </a:lnTo>
                  <a:lnTo>
                    <a:pt x="3783" y="708"/>
                  </a:lnTo>
                  <a:lnTo>
                    <a:pt x="3858" y="672"/>
                  </a:lnTo>
                  <a:lnTo>
                    <a:pt x="3933" y="637"/>
                  </a:lnTo>
                  <a:lnTo>
                    <a:pt x="4007" y="601"/>
                  </a:lnTo>
                  <a:lnTo>
                    <a:pt x="4083" y="568"/>
                  </a:lnTo>
                  <a:lnTo>
                    <a:pt x="4160" y="535"/>
                  </a:lnTo>
                  <a:lnTo>
                    <a:pt x="4236" y="503"/>
                  </a:lnTo>
                  <a:lnTo>
                    <a:pt x="4313" y="472"/>
                  </a:lnTo>
                  <a:lnTo>
                    <a:pt x="4391" y="442"/>
                  </a:lnTo>
                  <a:lnTo>
                    <a:pt x="4468" y="414"/>
                  </a:lnTo>
                  <a:lnTo>
                    <a:pt x="4547" y="385"/>
                  </a:lnTo>
                  <a:lnTo>
                    <a:pt x="4626" y="358"/>
                  </a:lnTo>
                  <a:lnTo>
                    <a:pt x="4705" y="332"/>
                  </a:lnTo>
                  <a:lnTo>
                    <a:pt x="4785" y="306"/>
                  </a:lnTo>
                  <a:lnTo>
                    <a:pt x="4865" y="281"/>
                  </a:lnTo>
                  <a:lnTo>
                    <a:pt x="4946" y="258"/>
                  </a:lnTo>
                  <a:lnTo>
                    <a:pt x="5026" y="236"/>
                  </a:lnTo>
                  <a:lnTo>
                    <a:pt x="5108" y="215"/>
                  </a:lnTo>
                  <a:lnTo>
                    <a:pt x="5190" y="194"/>
                  </a:lnTo>
                  <a:lnTo>
                    <a:pt x="5272" y="175"/>
                  </a:lnTo>
                  <a:lnTo>
                    <a:pt x="5354" y="155"/>
                  </a:lnTo>
                  <a:lnTo>
                    <a:pt x="5438" y="138"/>
                  </a:lnTo>
                  <a:lnTo>
                    <a:pt x="5521" y="122"/>
                  </a:lnTo>
                  <a:lnTo>
                    <a:pt x="5604" y="106"/>
                  </a:lnTo>
                  <a:lnTo>
                    <a:pt x="5688" y="92"/>
                  </a:lnTo>
                  <a:lnTo>
                    <a:pt x="5773" y="79"/>
                  </a:lnTo>
                  <a:lnTo>
                    <a:pt x="5858" y="66"/>
                  </a:lnTo>
                  <a:lnTo>
                    <a:pt x="5942" y="54"/>
                  </a:lnTo>
                  <a:lnTo>
                    <a:pt x="6028" y="44"/>
                  </a:lnTo>
                  <a:lnTo>
                    <a:pt x="6114" y="35"/>
                  </a:lnTo>
                  <a:lnTo>
                    <a:pt x="6200" y="27"/>
                  </a:lnTo>
                  <a:lnTo>
                    <a:pt x="6286" y="20"/>
                  </a:lnTo>
                  <a:lnTo>
                    <a:pt x="6373" y="14"/>
                  </a:lnTo>
                  <a:lnTo>
                    <a:pt x="6460" y="9"/>
                  </a:lnTo>
                  <a:lnTo>
                    <a:pt x="6547" y="5"/>
                  </a:lnTo>
                  <a:lnTo>
                    <a:pt x="6634" y="2"/>
                  </a:lnTo>
                  <a:lnTo>
                    <a:pt x="6722" y="1"/>
                  </a:lnTo>
                  <a:lnTo>
                    <a:pt x="6810" y="0"/>
                  </a:lnTo>
                  <a:lnTo>
                    <a:pt x="6810" y="0"/>
                  </a:lnTo>
                  <a:lnTo>
                    <a:pt x="6898" y="1"/>
                  </a:lnTo>
                  <a:lnTo>
                    <a:pt x="6986" y="2"/>
                  </a:lnTo>
                  <a:lnTo>
                    <a:pt x="7073" y="5"/>
                  </a:lnTo>
                  <a:lnTo>
                    <a:pt x="7160" y="9"/>
                  </a:lnTo>
                  <a:lnTo>
                    <a:pt x="7247" y="14"/>
                  </a:lnTo>
                  <a:lnTo>
                    <a:pt x="7334" y="20"/>
                  </a:lnTo>
                  <a:lnTo>
                    <a:pt x="7420" y="27"/>
                  </a:lnTo>
                  <a:lnTo>
                    <a:pt x="7506" y="35"/>
                  </a:lnTo>
                  <a:lnTo>
                    <a:pt x="7592" y="44"/>
                  </a:lnTo>
                  <a:lnTo>
                    <a:pt x="7678" y="54"/>
                  </a:lnTo>
                  <a:lnTo>
                    <a:pt x="7762" y="66"/>
                  </a:lnTo>
                  <a:lnTo>
                    <a:pt x="7847" y="79"/>
                  </a:lnTo>
                  <a:lnTo>
                    <a:pt x="7932" y="92"/>
                  </a:lnTo>
                  <a:lnTo>
                    <a:pt x="8016" y="106"/>
                  </a:lnTo>
                  <a:lnTo>
                    <a:pt x="8099" y="122"/>
                  </a:lnTo>
                  <a:lnTo>
                    <a:pt x="8182" y="138"/>
                  </a:lnTo>
                  <a:lnTo>
                    <a:pt x="8266" y="155"/>
                  </a:lnTo>
                  <a:lnTo>
                    <a:pt x="8348" y="175"/>
                  </a:lnTo>
                  <a:lnTo>
                    <a:pt x="8430" y="194"/>
                  </a:lnTo>
                  <a:lnTo>
                    <a:pt x="8512" y="215"/>
                  </a:lnTo>
                  <a:lnTo>
                    <a:pt x="8594" y="236"/>
                  </a:lnTo>
                  <a:lnTo>
                    <a:pt x="8674" y="258"/>
                  </a:lnTo>
                  <a:lnTo>
                    <a:pt x="8755" y="281"/>
                  </a:lnTo>
                  <a:lnTo>
                    <a:pt x="8835" y="306"/>
                  </a:lnTo>
                  <a:lnTo>
                    <a:pt x="8915" y="332"/>
                  </a:lnTo>
                  <a:lnTo>
                    <a:pt x="8994" y="358"/>
                  </a:lnTo>
                  <a:lnTo>
                    <a:pt x="9073" y="385"/>
                  </a:lnTo>
                  <a:lnTo>
                    <a:pt x="9152" y="414"/>
                  </a:lnTo>
                  <a:lnTo>
                    <a:pt x="9229" y="442"/>
                  </a:lnTo>
                  <a:lnTo>
                    <a:pt x="9307" y="472"/>
                  </a:lnTo>
                  <a:lnTo>
                    <a:pt x="9384" y="503"/>
                  </a:lnTo>
                  <a:lnTo>
                    <a:pt x="9460" y="535"/>
                  </a:lnTo>
                  <a:lnTo>
                    <a:pt x="9537" y="568"/>
                  </a:lnTo>
                  <a:lnTo>
                    <a:pt x="9613" y="601"/>
                  </a:lnTo>
                  <a:lnTo>
                    <a:pt x="9687" y="637"/>
                  </a:lnTo>
                  <a:lnTo>
                    <a:pt x="9762" y="672"/>
                  </a:lnTo>
                  <a:lnTo>
                    <a:pt x="9837" y="708"/>
                  </a:lnTo>
                  <a:lnTo>
                    <a:pt x="9910" y="745"/>
                  </a:lnTo>
                  <a:lnTo>
                    <a:pt x="9983" y="783"/>
                  </a:lnTo>
                  <a:lnTo>
                    <a:pt x="10056" y="822"/>
                  </a:lnTo>
                  <a:lnTo>
                    <a:pt x="10128" y="862"/>
                  </a:lnTo>
                  <a:lnTo>
                    <a:pt x="10200" y="902"/>
                  </a:lnTo>
                  <a:lnTo>
                    <a:pt x="10270" y="943"/>
                  </a:lnTo>
                  <a:lnTo>
                    <a:pt x="10341" y="986"/>
                  </a:lnTo>
                  <a:lnTo>
                    <a:pt x="10411" y="1029"/>
                  </a:lnTo>
                  <a:lnTo>
                    <a:pt x="10480" y="1072"/>
                  </a:lnTo>
                  <a:lnTo>
                    <a:pt x="10549" y="1118"/>
                  </a:lnTo>
                  <a:lnTo>
                    <a:pt x="10618" y="1163"/>
                  </a:lnTo>
                  <a:lnTo>
                    <a:pt x="10685" y="1210"/>
                  </a:lnTo>
                  <a:lnTo>
                    <a:pt x="10752" y="1256"/>
                  </a:lnTo>
                  <a:lnTo>
                    <a:pt x="10818" y="1304"/>
                  </a:lnTo>
                  <a:lnTo>
                    <a:pt x="10885" y="1353"/>
                  </a:lnTo>
                  <a:lnTo>
                    <a:pt x="10949" y="1402"/>
                  </a:lnTo>
                  <a:lnTo>
                    <a:pt x="11014" y="1453"/>
                  </a:lnTo>
                  <a:lnTo>
                    <a:pt x="11079" y="1503"/>
                  </a:lnTo>
                  <a:lnTo>
                    <a:pt x="11142" y="1555"/>
                  </a:lnTo>
                  <a:lnTo>
                    <a:pt x="11205" y="1607"/>
                  </a:lnTo>
                  <a:lnTo>
                    <a:pt x="11266" y="1661"/>
                  </a:lnTo>
                  <a:lnTo>
                    <a:pt x="11328" y="1714"/>
                  </a:lnTo>
                  <a:lnTo>
                    <a:pt x="11389" y="1770"/>
                  </a:lnTo>
                  <a:lnTo>
                    <a:pt x="11449" y="1824"/>
                  </a:lnTo>
                  <a:lnTo>
                    <a:pt x="11508" y="1881"/>
                  </a:lnTo>
                  <a:lnTo>
                    <a:pt x="11567" y="1937"/>
                  </a:lnTo>
                  <a:lnTo>
                    <a:pt x="11625" y="1995"/>
                  </a:lnTo>
                  <a:lnTo>
                    <a:pt x="11683" y="2053"/>
                  </a:lnTo>
                  <a:lnTo>
                    <a:pt x="11739" y="2112"/>
                  </a:lnTo>
                  <a:lnTo>
                    <a:pt x="11796" y="2171"/>
                  </a:lnTo>
                  <a:lnTo>
                    <a:pt x="11850" y="2231"/>
                  </a:lnTo>
                  <a:lnTo>
                    <a:pt x="11906" y="2292"/>
                  </a:lnTo>
                  <a:lnTo>
                    <a:pt x="11959" y="2354"/>
                  </a:lnTo>
                  <a:lnTo>
                    <a:pt x="12013" y="2415"/>
                  </a:lnTo>
                  <a:lnTo>
                    <a:pt x="12065" y="2478"/>
                  </a:lnTo>
                  <a:lnTo>
                    <a:pt x="12117" y="2541"/>
                  </a:lnTo>
                  <a:lnTo>
                    <a:pt x="12167" y="2606"/>
                  </a:lnTo>
                  <a:lnTo>
                    <a:pt x="12218" y="2671"/>
                  </a:lnTo>
                  <a:lnTo>
                    <a:pt x="12267" y="2735"/>
                  </a:lnTo>
                  <a:lnTo>
                    <a:pt x="12316" y="2802"/>
                  </a:lnTo>
                  <a:lnTo>
                    <a:pt x="12364" y="2868"/>
                  </a:lnTo>
                  <a:lnTo>
                    <a:pt x="12410" y="2935"/>
                  </a:lnTo>
                  <a:lnTo>
                    <a:pt x="12457" y="3002"/>
                  </a:lnTo>
                  <a:lnTo>
                    <a:pt x="12502" y="3071"/>
                  </a:lnTo>
                  <a:lnTo>
                    <a:pt x="12548" y="3140"/>
                  </a:lnTo>
                  <a:lnTo>
                    <a:pt x="12591" y="3209"/>
                  </a:lnTo>
                  <a:lnTo>
                    <a:pt x="12634" y="3279"/>
                  </a:lnTo>
                  <a:lnTo>
                    <a:pt x="12677" y="3350"/>
                  </a:lnTo>
                  <a:lnTo>
                    <a:pt x="12718" y="3420"/>
                  </a:lnTo>
                  <a:lnTo>
                    <a:pt x="12758" y="3492"/>
                  </a:lnTo>
                  <a:lnTo>
                    <a:pt x="12798" y="3564"/>
                  </a:lnTo>
                  <a:lnTo>
                    <a:pt x="12837" y="3637"/>
                  </a:lnTo>
                  <a:lnTo>
                    <a:pt x="12875" y="3710"/>
                  </a:lnTo>
                  <a:lnTo>
                    <a:pt x="12912" y="3783"/>
                  </a:lnTo>
                  <a:lnTo>
                    <a:pt x="12948" y="3858"/>
                  </a:lnTo>
                  <a:lnTo>
                    <a:pt x="12983" y="3933"/>
                  </a:lnTo>
                  <a:lnTo>
                    <a:pt x="13019" y="4007"/>
                  </a:lnTo>
                  <a:lnTo>
                    <a:pt x="13052" y="4083"/>
                  </a:lnTo>
                  <a:lnTo>
                    <a:pt x="13085" y="4160"/>
                  </a:lnTo>
                  <a:lnTo>
                    <a:pt x="13117" y="4236"/>
                  </a:lnTo>
                  <a:lnTo>
                    <a:pt x="13148" y="4313"/>
                  </a:lnTo>
                  <a:lnTo>
                    <a:pt x="13178" y="4391"/>
                  </a:lnTo>
                  <a:lnTo>
                    <a:pt x="13206" y="4468"/>
                  </a:lnTo>
                  <a:lnTo>
                    <a:pt x="13235" y="4547"/>
                  </a:lnTo>
                  <a:lnTo>
                    <a:pt x="13262" y="4626"/>
                  </a:lnTo>
                  <a:lnTo>
                    <a:pt x="13288" y="4705"/>
                  </a:lnTo>
                  <a:lnTo>
                    <a:pt x="13314" y="4785"/>
                  </a:lnTo>
                  <a:lnTo>
                    <a:pt x="13339" y="4865"/>
                  </a:lnTo>
                  <a:lnTo>
                    <a:pt x="13362" y="4946"/>
                  </a:lnTo>
                  <a:lnTo>
                    <a:pt x="13384" y="5026"/>
                  </a:lnTo>
                  <a:lnTo>
                    <a:pt x="13405" y="5108"/>
                  </a:lnTo>
                  <a:lnTo>
                    <a:pt x="13426" y="5190"/>
                  </a:lnTo>
                  <a:lnTo>
                    <a:pt x="13445" y="5272"/>
                  </a:lnTo>
                  <a:lnTo>
                    <a:pt x="13465" y="5354"/>
                  </a:lnTo>
                  <a:lnTo>
                    <a:pt x="13482" y="5438"/>
                  </a:lnTo>
                  <a:lnTo>
                    <a:pt x="13498" y="5521"/>
                  </a:lnTo>
                  <a:lnTo>
                    <a:pt x="13514" y="5604"/>
                  </a:lnTo>
                  <a:lnTo>
                    <a:pt x="13528" y="5688"/>
                  </a:lnTo>
                  <a:lnTo>
                    <a:pt x="13541" y="5773"/>
                  </a:lnTo>
                  <a:lnTo>
                    <a:pt x="13554" y="5858"/>
                  </a:lnTo>
                  <a:lnTo>
                    <a:pt x="13566" y="5942"/>
                  </a:lnTo>
                  <a:lnTo>
                    <a:pt x="13576" y="6028"/>
                  </a:lnTo>
                  <a:lnTo>
                    <a:pt x="13585" y="6114"/>
                  </a:lnTo>
                  <a:lnTo>
                    <a:pt x="13593" y="6200"/>
                  </a:lnTo>
                  <a:lnTo>
                    <a:pt x="13600" y="6286"/>
                  </a:lnTo>
                  <a:lnTo>
                    <a:pt x="13606" y="6373"/>
                  </a:lnTo>
                  <a:lnTo>
                    <a:pt x="13611" y="6460"/>
                  </a:lnTo>
                  <a:lnTo>
                    <a:pt x="13615" y="6547"/>
                  </a:lnTo>
                  <a:lnTo>
                    <a:pt x="13618" y="6634"/>
                  </a:lnTo>
                  <a:lnTo>
                    <a:pt x="13619" y="6722"/>
                  </a:lnTo>
                  <a:lnTo>
                    <a:pt x="13620" y="6810"/>
                  </a:lnTo>
                  <a:lnTo>
                    <a:pt x="13620" y="681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2" name="Freeform 51"/>
            <p:cNvSpPr>
              <a:spLocks noEditPoints="1"/>
            </p:cNvSpPr>
            <p:nvPr/>
          </p:nvSpPr>
          <p:spPr bwMode="auto">
            <a:xfrm>
              <a:off x="5250584" y="2122488"/>
              <a:ext cx="397741" cy="296865"/>
            </a:xfrm>
            <a:custGeom>
              <a:avLst/>
              <a:gdLst>
                <a:gd name="T0" fmla="*/ 0 w 8264"/>
                <a:gd name="T1" fmla="*/ 6198 h 6198"/>
                <a:gd name="T2" fmla="*/ 516 w 8264"/>
                <a:gd name="T3" fmla="*/ 5682 h 6198"/>
                <a:gd name="T4" fmla="*/ 7748 w 8264"/>
                <a:gd name="T5" fmla="*/ 2401 h 6198"/>
                <a:gd name="T6" fmla="*/ 7747 w 8264"/>
                <a:gd name="T7" fmla="*/ 2421 h 6198"/>
                <a:gd name="T8" fmla="*/ 7740 w 8264"/>
                <a:gd name="T9" fmla="*/ 2449 h 6198"/>
                <a:gd name="T10" fmla="*/ 7729 w 8264"/>
                <a:gd name="T11" fmla="*/ 2472 h 6198"/>
                <a:gd name="T12" fmla="*/ 7711 w 8264"/>
                <a:gd name="T13" fmla="*/ 2494 h 6198"/>
                <a:gd name="T14" fmla="*/ 7687 w 8264"/>
                <a:gd name="T15" fmla="*/ 2511 h 6198"/>
                <a:gd name="T16" fmla="*/ 7669 w 8264"/>
                <a:gd name="T17" fmla="*/ 2520 h 6198"/>
                <a:gd name="T18" fmla="*/ 7640 w 8264"/>
                <a:gd name="T19" fmla="*/ 2529 h 6198"/>
                <a:gd name="T20" fmla="*/ 7612 w 8264"/>
                <a:gd name="T21" fmla="*/ 2532 h 6198"/>
                <a:gd name="T22" fmla="*/ 7585 w 8264"/>
                <a:gd name="T23" fmla="*/ 2527 h 6198"/>
                <a:gd name="T24" fmla="*/ 7559 w 8264"/>
                <a:gd name="T25" fmla="*/ 2516 h 6198"/>
                <a:gd name="T26" fmla="*/ 7534 w 8264"/>
                <a:gd name="T27" fmla="*/ 2498 h 6198"/>
                <a:gd name="T28" fmla="*/ 4483 w 8264"/>
                <a:gd name="T29" fmla="*/ 4556 h 6198"/>
                <a:gd name="T30" fmla="*/ 4462 w 8264"/>
                <a:gd name="T31" fmla="*/ 4573 h 6198"/>
                <a:gd name="T32" fmla="*/ 4428 w 8264"/>
                <a:gd name="T33" fmla="*/ 4590 h 6198"/>
                <a:gd name="T34" fmla="*/ 4390 w 8264"/>
                <a:gd name="T35" fmla="*/ 4596 h 6198"/>
                <a:gd name="T36" fmla="*/ 4365 w 8264"/>
                <a:gd name="T37" fmla="*/ 4593 h 6198"/>
                <a:gd name="T38" fmla="*/ 4330 w 8264"/>
                <a:gd name="T39" fmla="*/ 4580 h 6198"/>
                <a:gd name="T40" fmla="*/ 4297 w 8264"/>
                <a:gd name="T41" fmla="*/ 4556 h 6198"/>
                <a:gd name="T42" fmla="*/ 904 w 8264"/>
                <a:gd name="T43" fmla="*/ 4520 h 6198"/>
                <a:gd name="T44" fmla="*/ 3274 w 8264"/>
                <a:gd name="T45" fmla="*/ 2150 h 6198"/>
                <a:gd name="T46" fmla="*/ 3308 w 8264"/>
                <a:gd name="T47" fmla="*/ 2128 h 6198"/>
                <a:gd name="T48" fmla="*/ 3344 w 8264"/>
                <a:gd name="T49" fmla="*/ 2119 h 6198"/>
                <a:gd name="T50" fmla="*/ 3370 w 8264"/>
                <a:gd name="T51" fmla="*/ 2119 h 6198"/>
                <a:gd name="T52" fmla="*/ 3407 w 8264"/>
                <a:gd name="T53" fmla="*/ 2128 h 6198"/>
                <a:gd name="T54" fmla="*/ 3440 w 8264"/>
                <a:gd name="T55" fmla="*/ 2150 h 6198"/>
                <a:gd name="T56" fmla="*/ 6263 w 8264"/>
                <a:gd name="T57" fmla="*/ 1227 h 6198"/>
                <a:gd name="T58" fmla="*/ 5766 w 8264"/>
                <a:gd name="T59" fmla="*/ 730 h 6198"/>
                <a:gd name="T60" fmla="*/ 5748 w 8264"/>
                <a:gd name="T61" fmla="*/ 705 h 6198"/>
                <a:gd name="T62" fmla="*/ 5737 w 8264"/>
                <a:gd name="T63" fmla="*/ 679 h 6198"/>
                <a:gd name="T64" fmla="*/ 5732 w 8264"/>
                <a:gd name="T65" fmla="*/ 652 h 6198"/>
                <a:gd name="T66" fmla="*/ 5735 w 8264"/>
                <a:gd name="T67" fmla="*/ 624 h 6198"/>
                <a:gd name="T68" fmla="*/ 5744 w 8264"/>
                <a:gd name="T69" fmla="*/ 595 h 6198"/>
                <a:gd name="T70" fmla="*/ 5753 w 8264"/>
                <a:gd name="T71" fmla="*/ 577 h 6198"/>
                <a:gd name="T72" fmla="*/ 5770 w 8264"/>
                <a:gd name="T73" fmla="*/ 554 h 6198"/>
                <a:gd name="T74" fmla="*/ 5792 w 8264"/>
                <a:gd name="T75" fmla="*/ 535 h 6198"/>
                <a:gd name="T76" fmla="*/ 5815 w 8264"/>
                <a:gd name="T77" fmla="*/ 524 h 6198"/>
                <a:gd name="T78" fmla="*/ 5843 w 8264"/>
                <a:gd name="T79" fmla="*/ 517 h 6198"/>
                <a:gd name="T80" fmla="*/ 7619 w 8264"/>
                <a:gd name="T81" fmla="*/ 516 h 6198"/>
                <a:gd name="T82" fmla="*/ 7646 w 8264"/>
                <a:gd name="T83" fmla="*/ 518 h 6198"/>
                <a:gd name="T84" fmla="*/ 7681 w 8264"/>
                <a:gd name="T85" fmla="*/ 530 h 6198"/>
                <a:gd name="T86" fmla="*/ 7712 w 8264"/>
                <a:gd name="T87" fmla="*/ 553 h 6198"/>
                <a:gd name="T88" fmla="*/ 7728 w 8264"/>
                <a:gd name="T89" fmla="*/ 572 h 6198"/>
                <a:gd name="T90" fmla="*/ 7743 w 8264"/>
                <a:gd name="T91" fmla="*/ 606 h 6198"/>
                <a:gd name="T92" fmla="*/ 7748 w 8264"/>
                <a:gd name="T93" fmla="*/ 645 h 61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8264" h="6198">
                  <a:moveTo>
                    <a:pt x="8264" y="5682"/>
                  </a:moveTo>
                  <a:lnTo>
                    <a:pt x="8264" y="6198"/>
                  </a:lnTo>
                  <a:lnTo>
                    <a:pt x="0" y="6198"/>
                  </a:lnTo>
                  <a:lnTo>
                    <a:pt x="0" y="0"/>
                  </a:lnTo>
                  <a:lnTo>
                    <a:pt x="516" y="0"/>
                  </a:lnTo>
                  <a:lnTo>
                    <a:pt x="516" y="5682"/>
                  </a:lnTo>
                  <a:lnTo>
                    <a:pt x="8264" y="5682"/>
                  </a:lnTo>
                  <a:close/>
                  <a:moveTo>
                    <a:pt x="7748" y="645"/>
                  </a:moveTo>
                  <a:lnTo>
                    <a:pt x="7748" y="2401"/>
                  </a:lnTo>
                  <a:lnTo>
                    <a:pt x="7748" y="2401"/>
                  </a:lnTo>
                  <a:lnTo>
                    <a:pt x="7748" y="2411"/>
                  </a:lnTo>
                  <a:lnTo>
                    <a:pt x="7747" y="2421"/>
                  </a:lnTo>
                  <a:lnTo>
                    <a:pt x="7745" y="2431"/>
                  </a:lnTo>
                  <a:lnTo>
                    <a:pt x="7743" y="2440"/>
                  </a:lnTo>
                  <a:lnTo>
                    <a:pt x="7740" y="2449"/>
                  </a:lnTo>
                  <a:lnTo>
                    <a:pt x="7737" y="2457"/>
                  </a:lnTo>
                  <a:lnTo>
                    <a:pt x="7733" y="2465"/>
                  </a:lnTo>
                  <a:lnTo>
                    <a:pt x="7729" y="2472"/>
                  </a:lnTo>
                  <a:lnTo>
                    <a:pt x="7723" y="2481"/>
                  </a:lnTo>
                  <a:lnTo>
                    <a:pt x="7718" y="2487"/>
                  </a:lnTo>
                  <a:lnTo>
                    <a:pt x="7711" y="2494"/>
                  </a:lnTo>
                  <a:lnTo>
                    <a:pt x="7703" y="2500"/>
                  </a:lnTo>
                  <a:lnTo>
                    <a:pt x="7696" y="2505"/>
                  </a:lnTo>
                  <a:lnTo>
                    <a:pt x="7687" y="2511"/>
                  </a:lnTo>
                  <a:lnTo>
                    <a:pt x="7678" y="2516"/>
                  </a:lnTo>
                  <a:lnTo>
                    <a:pt x="7669" y="2520"/>
                  </a:lnTo>
                  <a:lnTo>
                    <a:pt x="7669" y="2520"/>
                  </a:lnTo>
                  <a:lnTo>
                    <a:pt x="7659" y="2524"/>
                  </a:lnTo>
                  <a:lnTo>
                    <a:pt x="7650" y="2527"/>
                  </a:lnTo>
                  <a:lnTo>
                    <a:pt x="7640" y="2529"/>
                  </a:lnTo>
                  <a:lnTo>
                    <a:pt x="7631" y="2531"/>
                  </a:lnTo>
                  <a:lnTo>
                    <a:pt x="7622" y="2532"/>
                  </a:lnTo>
                  <a:lnTo>
                    <a:pt x="7612" y="2532"/>
                  </a:lnTo>
                  <a:lnTo>
                    <a:pt x="7603" y="2531"/>
                  </a:lnTo>
                  <a:lnTo>
                    <a:pt x="7595" y="2529"/>
                  </a:lnTo>
                  <a:lnTo>
                    <a:pt x="7585" y="2527"/>
                  </a:lnTo>
                  <a:lnTo>
                    <a:pt x="7576" y="2524"/>
                  </a:lnTo>
                  <a:lnTo>
                    <a:pt x="7567" y="2520"/>
                  </a:lnTo>
                  <a:lnTo>
                    <a:pt x="7559" y="2516"/>
                  </a:lnTo>
                  <a:lnTo>
                    <a:pt x="7550" y="2511"/>
                  </a:lnTo>
                  <a:lnTo>
                    <a:pt x="7542" y="2504"/>
                  </a:lnTo>
                  <a:lnTo>
                    <a:pt x="7534" y="2498"/>
                  </a:lnTo>
                  <a:lnTo>
                    <a:pt x="7526" y="2490"/>
                  </a:lnTo>
                  <a:lnTo>
                    <a:pt x="7038" y="2001"/>
                  </a:lnTo>
                  <a:lnTo>
                    <a:pt x="4483" y="4556"/>
                  </a:lnTo>
                  <a:lnTo>
                    <a:pt x="4483" y="4556"/>
                  </a:lnTo>
                  <a:lnTo>
                    <a:pt x="4473" y="4565"/>
                  </a:lnTo>
                  <a:lnTo>
                    <a:pt x="4462" y="4573"/>
                  </a:lnTo>
                  <a:lnTo>
                    <a:pt x="4451" y="4580"/>
                  </a:lnTo>
                  <a:lnTo>
                    <a:pt x="4440" y="4586"/>
                  </a:lnTo>
                  <a:lnTo>
                    <a:pt x="4428" y="4590"/>
                  </a:lnTo>
                  <a:lnTo>
                    <a:pt x="4415" y="4593"/>
                  </a:lnTo>
                  <a:lnTo>
                    <a:pt x="4403" y="4595"/>
                  </a:lnTo>
                  <a:lnTo>
                    <a:pt x="4390" y="4596"/>
                  </a:lnTo>
                  <a:lnTo>
                    <a:pt x="4390" y="4596"/>
                  </a:lnTo>
                  <a:lnTo>
                    <a:pt x="4377" y="4595"/>
                  </a:lnTo>
                  <a:lnTo>
                    <a:pt x="4365" y="4593"/>
                  </a:lnTo>
                  <a:lnTo>
                    <a:pt x="4353" y="4590"/>
                  </a:lnTo>
                  <a:lnTo>
                    <a:pt x="4341" y="4586"/>
                  </a:lnTo>
                  <a:lnTo>
                    <a:pt x="4330" y="4580"/>
                  </a:lnTo>
                  <a:lnTo>
                    <a:pt x="4319" y="4573"/>
                  </a:lnTo>
                  <a:lnTo>
                    <a:pt x="4308" y="4565"/>
                  </a:lnTo>
                  <a:lnTo>
                    <a:pt x="4297" y="4556"/>
                  </a:lnTo>
                  <a:lnTo>
                    <a:pt x="3357" y="3616"/>
                  </a:lnTo>
                  <a:lnTo>
                    <a:pt x="1678" y="5294"/>
                  </a:lnTo>
                  <a:lnTo>
                    <a:pt x="904" y="4520"/>
                  </a:lnTo>
                  <a:lnTo>
                    <a:pt x="3264" y="2159"/>
                  </a:lnTo>
                  <a:lnTo>
                    <a:pt x="3264" y="2159"/>
                  </a:lnTo>
                  <a:lnTo>
                    <a:pt x="3274" y="2150"/>
                  </a:lnTo>
                  <a:lnTo>
                    <a:pt x="3286" y="2141"/>
                  </a:lnTo>
                  <a:lnTo>
                    <a:pt x="3297" y="2135"/>
                  </a:lnTo>
                  <a:lnTo>
                    <a:pt x="3308" y="2128"/>
                  </a:lnTo>
                  <a:lnTo>
                    <a:pt x="3320" y="2124"/>
                  </a:lnTo>
                  <a:lnTo>
                    <a:pt x="3332" y="2120"/>
                  </a:lnTo>
                  <a:lnTo>
                    <a:pt x="3344" y="2119"/>
                  </a:lnTo>
                  <a:lnTo>
                    <a:pt x="3357" y="2118"/>
                  </a:lnTo>
                  <a:lnTo>
                    <a:pt x="3357" y="2118"/>
                  </a:lnTo>
                  <a:lnTo>
                    <a:pt x="3370" y="2119"/>
                  </a:lnTo>
                  <a:lnTo>
                    <a:pt x="3382" y="2120"/>
                  </a:lnTo>
                  <a:lnTo>
                    <a:pt x="3395" y="2124"/>
                  </a:lnTo>
                  <a:lnTo>
                    <a:pt x="3407" y="2128"/>
                  </a:lnTo>
                  <a:lnTo>
                    <a:pt x="3418" y="2135"/>
                  </a:lnTo>
                  <a:lnTo>
                    <a:pt x="3429" y="2141"/>
                  </a:lnTo>
                  <a:lnTo>
                    <a:pt x="3440" y="2150"/>
                  </a:lnTo>
                  <a:lnTo>
                    <a:pt x="3450" y="2159"/>
                  </a:lnTo>
                  <a:lnTo>
                    <a:pt x="4390" y="3099"/>
                  </a:lnTo>
                  <a:lnTo>
                    <a:pt x="6263" y="1227"/>
                  </a:lnTo>
                  <a:lnTo>
                    <a:pt x="5774" y="738"/>
                  </a:lnTo>
                  <a:lnTo>
                    <a:pt x="5774" y="738"/>
                  </a:lnTo>
                  <a:lnTo>
                    <a:pt x="5766" y="730"/>
                  </a:lnTo>
                  <a:lnTo>
                    <a:pt x="5760" y="722"/>
                  </a:lnTo>
                  <a:lnTo>
                    <a:pt x="5753" y="714"/>
                  </a:lnTo>
                  <a:lnTo>
                    <a:pt x="5748" y="705"/>
                  </a:lnTo>
                  <a:lnTo>
                    <a:pt x="5744" y="697"/>
                  </a:lnTo>
                  <a:lnTo>
                    <a:pt x="5740" y="688"/>
                  </a:lnTo>
                  <a:lnTo>
                    <a:pt x="5737" y="679"/>
                  </a:lnTo>
                  <a:lnTo>
                    <a:pt x="5735" y="670"/>
                  </a:lnTo>
                  <a:lnTo>
                    <a:pt x="5733" y="662"/>
                  </a:lnTo>
                  <a:lnTo>
                    <a:pt x="5732" y="652"/>
                  </a:lnTo>
                  <a:lnTo>
                    <a:pt x="5732" y="642"/>
                  </a:lnTo>
                  <a:lnTo>
                    <a:pt x="5733" y="633"/>
                  </a:lnTo>
                  <a:lnTo>
                    <a:pt x="5735" y="624"/>
                  </a:lnTo>
                  <a:lnTo>
                    <a:pt x="5737" y="614"/>
                  </a:lnTo>
                  <a:lnTo>
                    <a:pt x="5740" y="605"/>
                  </a:lnTo>
                  <a:lnTo>
                    <a:pt x="5744" y="595"/>
                  </a:lnTo>
                  <a:lnTo>
                    <a:pt x="5744" y="595"/>
                  </a:lnTo>
                  <a:lnTo>
                    <a:pt x="5748" y="586"/>
                  </a:lnTo>
                  <a:lnTo>
                    <a:pt x="5753" y="577"/>
                  </a:lnTo>
                  <a:lnTo>
                    <a:pt x="5759" y="568"/>
                  </a:lnTo>
                  <a:lnTo>
                    <a:pt x="5764" y="561"/>
                  </a:lnTo>
                  <a:lnTo>
                    <a:pt x="5770" y="554"/>
                  </a:lnTo>
                  <a:lnTo>
                    <a:pt x="5777" y="547"/>
                  </a:lnTo>
                  <a:lnTo>
                    <a:pt x="5784" y="541"/>
                  </a:lnTo>
                  <a:lnTo>
                    <a:pt x="5792" y="535"/>
                  </a:lnTo>
                  <a:lnTo>
                    <a:pt x="5799" y="531"/>
                  </a:lnTo>
                  <a:lnTo>
                    <a:pt x="5807" y="527"/>
                  </a:lnTo>
                  <a:lnTo>
                    <a:pt x="5815" y="524"/>
                  </a:lnTo>
                  <a:lnTo>
                    <a:pt x="5824" y="521"/>
                  </a:lnTo>
                  <a:lnTo>
                    <a:pt x="5833" y="519"/>
                  </a:lnTo>
                  <a:lnTo>
                    <a:pt x="5843" y="517"/>
                  </a:lnTo>
                  <a:lnTo>
                    <a:pt x="5853" y="516"/>
                  </a:lnTo>
                  <a:lnTo>
                    <a:pt x="5863" y="516"/>
                  </a:lnTo>
                  <a:lnTo>
                    <a:pt x="7619" y="516"/>
                  </a:lnTo>
                  <a:lnTo>
                    <a:pt x="7619" y="516"/>
                  </a:lnTo>
                  <a:lnTo>
                    <a:pt x="7633" y="517"/>
                  </a:lnTo>
                  <a:lnTo>
                    <a:pt x="7646" y="518"/>
                  </a:lnTo>
                  <a:lnTo>
                    <a:pt x="7658" y="521"/>
                  </a:lnTo>
                  <a:lnTo>
                    <a:pt x="7670" y="525"/>
                  </a:lnTo>
                  <a:lnTo>
                    <a:pt x="7681" y="530"/>
                  </a:lnTo>
                  <a:lnTo>
                    <a:pt x="7692" y="536"/>
                  </a:lnTo>
                  <a:lnTo>
                    <a:pt x="7702" y="544"/>
                  </a:lnTo>
                  <a:lnTo>
                    <a:pt x="7712" y="553"/>
                  </a:lnTo>
                  <a:lnTo>
                    <a:pt x="7712" y="553"/>
                  </a:lnTo>
                  <a:lnTo>
                    <a:pt x="7720" y="562"/>
                  </a:lnTo>
                  <a:lnTo>
                    <a:pt x="7728" y="572"/>
                  </a:lnTo>
                  <a:lnTo>
                    <a:pt x="7734" y="583"/>
                  </a:lnTo>
                  <a:lnTo>
                    <a:pt x="7739" y="594"/>
                  </a:lnTo>
                  <a:lnTo>
                    <a:pt x="7743" y="606"/>
                  </a:lnTo>
                  <a:lnTo>
                    <a:pt x="7746" y="618"/>
                  </a:lnTo>
                  <a:lnTo>
                    <a:pt x="7747" y="631"/>
                  </a:lnTo>
                  <a:lnTo>
                    <a:pt x="7748" y="645"/>
                  </a:lnTo>
                  <a:lnTo>
                    <a:pt x="7748" y="645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23" name="Gruppe 22"/>
          <p:cNvGrpSpPr>
            <a:grpSpLocks/>
          </p:cNvGrpSpPr>
          <p:nvPr/>
        </p:nvGrpSpPr>
        <p:grpSpPr>
          <a:xfrm>
            <a:off x="560388" y="4284090"/>
            <a:ext cx="720725" cy="720725"/>
            <a:chOff x="3281363" y="1952625"/>
            <a:chExt cx="720725" cy="720725"/>
          </a:xfrm>
        </p:grpSpPr>
        <p:sp>
          <p:nvSpPr>
            <p:cNvPr id="24" name="Freeform 40"/>
            <p:cNvSpPr>
              <a:spLocks/>
            </p:cNvSpPr>
            <p:nvPr/>
          </p:nvSpPr>
          <p:spPr bwMode="auto">
            <a:xfrm>
              <a:off x="3281363" y="1952625"/>
              <a:ext cx="720725" cy="720725"/>
            </a:xfrm>
            <a:custGeom>
              <a:avLst/>
              <a:gdLst>
                <a:gd name="T0" fmla="*/ 12234 w 12258"/>
                <a:gd name="T1" fmla="*/ 6678 h 12258"/>
                <a:gd name="T2" fmla="*/ 12134 w 12258"/>
                <a:gd name="T3" fmla="*/ 7364 h 12258"/>
                <a:gd name="T4" fmla="*/ 11959 w 12258"/>
                <a:gd name="T5" fmla="*/ 8024 h 12258"/>
                <a:gd name="T6" fmla="*/ 11716 w 12258"/>
                <a:gd name="T7" fmla="*/ 8651 h 12258"/>
                <a:gd name="T8" fmla="*/ 11408 w 12258"/>
                <a:gd name="T9" fmla="*/ 9244 h 12258"/>
                <a:gd name="T10" fmla="*/ 11040 w 12258"/>
                <a:gd name="T11" fmla="*/ 9796 h 12258"/>
                <a:gd name="T12" fmla="*/ 10616 w 12258"/>
                <a:gd name="T13" fmla="*/ 10305 h 12258"/>
                <a:gd name="T14" fmla="*/ 10140 w 12258"/>
                <a:gd name="T15" fmla="*/ 10763 h 12258"/>
                <a:gd name="T16" fmla="*/ 9616 w 12258"/>
                <a:gd name="T17" fmla="*/ 11170 h 12258"/>
                <a:gd name="T18" fmla="*/ 9051 w 12258"/>
                <a:gd name="T19" fmla="*/ 11518 h 12258"/>
                <a:gd name="T20" fmla="*/ 8446 w 12258"/>
                <a:gd name="T21" fmla="*/ 11805 h 12258"/>
                <a:gd name="T22" fmla="*/ 7806 w 12258"/>
                <a:gd name="T23" fmla="*/ 12025 h 12258"/>
                <a:gd name="T24" fmla="*/ 7139 w 12258"/>
                <a:gd name="T25" fmla="*/ 12175 h 12258"/>
                <a:gd name="T26" fmla="*/ 6444 w 12258"/>
                <a:gd name="T27" fmla="*/ 12250 h 12258"/>
                <a:gd name="T28" fmla="*/ 5814 w 12258"/>
                <a:gd name="T29" fmla="*/ 12250 h 12258"/>
                <a:gd name="T30" fmla="*/ 5119 w 12258"/>
                <a:gd name="T31" fmla="*/ 12175 h 12258"/>
                <a:gd name="T32" fmla="*/ 4452 w 12258"/>
                <a:gd name="T33" fmla="*/ 12025 h 12258"/>
                <a:gd name="T34" fmla="*/ 3812 w 12258"/>
                <a:gd name="T35" fmla="*/ 11805 h 12258"/>
                <a:gd name="T36" fmla="*/ 3207 w 12258"/>
                <a:gd name="T37" fmla="*/ 11518 h 12258"/>
                <a:gd name="T38" fmla="*/ 2642 w 12258"/>
                <a:gd name="T39" fmla="*/ 11170 h 12258"/>
                <a:gd name="T40" fmla="*/ 2118 w 12258"/>
                <a:gd name="T41" fmla="*/ 10763 h 12258"/>
                <a:gd name="T42" fmla="*/ 1642 w 12258"/>
                <a:gd name="T43" fmla="*/ 10305 h 12258"/>
                <a:gd name="T44" fmla="*/ 1218 w 12258"/>
                <a:gd name="T45" fmla="*/ 9796 h 12258"/>
                <a:gd name="T46" fmla="*/ 850 w 12258"/>
                <a:gd name="T47" fmla="*/ 9244 h 12258"/>
                <a:gd name="T48" fmla="*/ 542 w 12258"/>
                <a:gd name="T49" fmla="*/ 8651 h 12258"/>
                <a:gd name="T50" fmla="*/ 299 w 12258"/>
                <a:gd name="T51" fmla="*/ 8024 h 12258"/>
                <a:gd name="T52" fmla="*/ 124 w 12258"/>
                <a:gd name="T53" fmla="*/ 7364 h 12258"/>
                <a:gd name="T54" fmla="*/ 24 w 12258"/>
                <a:gd name="T55" fmla="*/ 6678 h 12258"/>
                <a:gd name="T56" fmla="*/ 0 w 12258"/>
                <a:gd name="T57" fmla="*/ 6049 h 12258"/>
                <a:gd name="T58" fmla="*/ 50 w 12258"/>
                <a:gd name="T59" fmla="*/ 5349 h 12258"/>
                <a:gd name="T60" fmla="*/ 175 w 12258"/>
                <a:gd name="T61" fmla="*/ 4671 h 12258"/>
                <a:gd name="T62" fmla="*/ 372 w 12258"/>
                <a:gd name="T63" fmla="*/ 4022 h 12258"/>
                <a:gd name="T64" fmla="*/ 637 w 12258"/>
                <a:gd name="T65" fmla="*/ 3406 h 12258"/>
                <a:gd name="T66" fmla="*/ 965 w 12258"/>
                <a:gd name="T67" fmla="*/ 2826 h 12258"/>
                <a:gd name="T68" fmla="*/ 1353 w 12258"/>
                <a:gd name="T69" fmla="*/ 2287 h 12258"/>
                <a:gd name="T70" fmla="*/ 1795 w 12258"/>
                <a:gd name="T71" fmla="*/ 1795 h 12258"/>
                <a:gd name="T72" fmla="*/ 2287 w 12258"/>
                <a:gd name="T73" fmla="*/ 1353 h 12258"/>
                <a:gd name="T74" fmla="*/ 2826 w 12258"/>
                <a:gd name="T75" fmla="*/ 965 h 12258"/>
                <a:gd name="T76" fmla="*/ 3406 w 12258"/>
                <a:gd name="T77" fmla="*/ 637 h 12258"/>
                <a:gd name="T78" fmla="*/ 4022 w 12258"/>
                <a:gd name="T79" fmla="*/ 372 h 12258"/>
                <a:gd name="T80" fmla="*/ 4671 w 12258"/>
                <a:gd name="T81" fmla="*/ 175 h 12258"/>
                <a:gd name="T82" fmla="*/ 5349 w 12258"/>
                <a:gd name="T83" fmla="*/ 50 h 12258"/>
                <a:gd name="T84" fmla="*/ 6049 w 12258"/>
                <a:gd name="T85" fmla="*/ 0 h 12258"/>
                <a:gd name="T86" fmla="*/ 6678 w 12258"/>
                <a:gd name="T87" fmla="*/ 24 h 12258"/>
                <a:gd name="T88" fmla="*/ 7364 w 12258"/>
                <a:gd name="T89" fmla="*/ 124 h 12258"/>
                <a:gd name="T90" fmla="*/ 8024 w 12258"/>
                <a:gd name="T91" fmla="*/ 299 h 12258"/>
                <a:gd name="T92" fmla="*/ 8651 w 12258"/>
                <a:gd name="T93" fmla="*/ 542 h 12258"/>
                <a:gd name="T94" fmla="*/ 9244 w 12258"/>
                <a:gd name="T95" fmla="*/ 850 h 12258"/>
                <a:gd name="T96" fmla="*/ 9796 w 12258"/>
                <a:gd name="T97" fmla="*/ 1218 h 12258"/>
                <a:gd name="T98" fmla="*/ 10305 w 12258"/>
                <a:gd name="T99" fmla="*/ 1642 h 12258"/>
                <a:gd name="T100" fmla="*/ 10763 w 12258"/>
                <a:gd name="T101" fmla="*/ 2118 h 12258"/>
                <a:gd name="T102" fmla="*/ 11170 w 12258"/>
                <a:gd name="T103" fmla="*/ 2642 h 12258"/>
                <a:gd name="T104" fmla="*/ 11518 w 12258"/>
                <a:gd name="T105" fmla="*/ 3207 h 12258"/>
                <a:gd name="T106" fmla="*/ 11805 w 12258"/>
                <a:gd name="T107" fmla="*/ 3812 h 12258"/>
                <a:gd name="T108" fmla="*/ 12025 w 12258"/>
                <a:gd name="T109" fmla="*/ 4452 h 12258"/>
                <a:gd name="T110" fmla="*/ 12175 w 12258"/>
                <a:gd name="T111" fmla="*/ 5119 h 12258"/>
                <a:gd name="T112" fmla="*/ 12250 w 12258"/>
                <a:gd name="T113" fmla="*/ 5814 h 122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12258" h="12258">
                  <a:moveTo>
                    <a:pt x="12258" y="6129"/>
                  </a:moveTo>
                  <a:lnTo>
                    <a:pt x="12258" y="6129"/>
                  </a:lnTo>
                  <a:lnTo>
                    <a:pt x="12258" y="6209"/>
                  </a:lnTo>
                  <a:lnTo>
                    <a:pt x="12256" y="6287"/>
                  </a:lnTo>
                  <a:lnTo>
                    <a:pt x="12254" y="6366"/>
                  </a:lnTo>
                  <a:lnTo>
                    <a:pt x="12250" y="6444"/>
                  </a:lnTo>
                  <a:lnTo>
                    <a:pt x="12246" y="6523"/>
                  </a:lnTo>
                  <a:lnTo>
                    <a:pt x="12240" y="6600"/>
                  </a:lnTo>
                  <a:lnTo>
                    <a:pt x="12234" y="6678"/>
                  </a:lnTo>
                  <a:lnTo>
                    <a:pt x="12226" y="6755"/>
                  </a:lnTo>
                  <a:lnTo>
                    <a:pt x="12218" y="6833"/>
                  </a:lnTo>
                  <a:lnTo>
                    <a:pt x="12208" y="6909"/>
                  </a:lnTo>
                  <a:lnTo>
                    <a:pt x="12198" y="6986"/>
                  </a:lnTo>
                  <a:lnTo>
                    <a:pt x="12188" y="7062"/>
                  </a:lnTo>
                  <a:lnTo>
                    <a:pt x="12175" y="7139"/>
                  </a:lnTo>
                  <a:lnTo>
                    <a:pt x="12162" y="7214"/>
                  </a:lnTo>
                  <a:lnTo>
                    <a:pt x="12148" y="7290"/>
                  </a:lnTo>
                  <a:lnTo>
                    <a:pt x="12134" y="7364"/>
                  </a:lnTo>
                  <a:lnTo>
                    <a:pt x="12117" y="7439"/>
                  </a:lnTo>
                  <a:lnTo>
                    <a:pt x="12101" y="7513"/>
                  </a:lnTo>
                  <a:lnTo>
                    <a:pt x="12083" y="7587"/>
                  </a:lnTo>
                  <a:lnTo>
                    <a:pt x="12065" y="7661"/>
                  </a:lnTo>
                  <a:lnTo>
                    <a:pt x="12046" y="7734"/>
                  </a:lnTo>
                  <a:lnTo>
                    <a:pt x="12025" y="7806"/>
                  </a:lnTo>
                  <a:lnTo>
                    <a:pt x="12005" y="7880"/>
                  </a:lnTo>
                  <a:lnTo>
                    <a:pt x="11982" y="7951"/>
                  </a:lnTo>
                  <a:lnTo>
                    <a:pt x="11959" y="8024"/>
                  </a:lnTo>
                  <a:lnTo>
                    <a:pt x="11936" y="8095"/>
                  </a:lnTo>
                  <a:lnTo>
                    <a:pt x="11912" y="8166"/>
                  </a:lnTo>
                  <a:lnTo>
                    <a:pt x="11886" y="8236"/>
                  </a:lnTo>
                  <a:lnTo>
                    <a:pt x="11860" y="8307"/>
                  </a:lnTo>
                  <a:lnTo>
                    <a:pt x="11833" y="8376"/>
                  </a:lnTo>
                  <a:lnTo>
                    <a:pt x="11805" y="8446"/>
                  </a:lnTo>
                  <a:lnTo>
                    <a:pt x="11776" y="8514"/>
                  </a:lnTo>
                  <a:lnTo>
                    <a:pt x="11746" y="8584"/>
                  </a:lnTo>
                  <a:lnTo>
                    <a:pt x="11716" y="8651"/>
                  </a:lnTo>
                  <a:lnTo>
                    <a:pt x="11685" y="8719"/>
                  </a:lnTo>
                  <a:lnTo>
                    <a:pt x="11653" y="8786"/>
                  </a:lnTo>
                  <a:lnTo>
                    <a:pt x="11621" y="8852"/>
                  </a:lnTo>
                  <a:lnTo>
                    <a:pt x="11587" y="8920"/>
                  </a:lnTo>
                  <a:lnTo>
                    <a:pt x="11553" y="8985"/>
                  </a:lnTo>
                  <a:lnTo>
                    <a:pt x="11518" y="9051"/>
                  </a:lnTo>
                  <a:lnTo>
                    <a:pt x="11483" y="9115"/>
                  </a:lnTo>
                  <a:lnTo>
                    <a:pt x="11446" y="9180"/>
                  </a:lnTo>
                  <a:lnTo>
                    <a:pt x="11408" y="9244"/>
                  </a:lnTo>
                  <a:lnTo>
                    <a:pt x="11370" y="9307"/>
                  </a:lnTo>
                  <a:lnTo>
                    <a:pt x="11332" y="9370"/>
                  </a:lnTo>
                  <a:lnTo>
                    <a:pt x="11293" y="9432"/>
                  </a:lnTo>
                  <a:lnTo>
                    <a:pt x="11252" y="9494"/>
                  </a:lnTo>
                  <a:lnTo>
                    <a:pt x="11211" y="9556"/>
                  </a:lnTo>
                  <a:lnTo>
                    <a:pt x="11170" y="9616"/>
                  </a:lnTo>
                  <a:lnTo>
                    <a:pt x="11127" y="9677"/>
                  </a:lnTo>
                  <a:lnTo>
                    <a:pt x="11084" y="9737"/>
                  </a:lnTo>
                  <a:lnTo>
                    <a:pt x="11040" y="9796"/>
                  </a:lnTo>
                  <a:lnTo>
                    <a:pt x="10996" y="9855"/>
                  </a:lnTo>
                  <a:lnTo>
                    <a:pt x="10951" y="9913"/>
                  </a:lnTo>
                  <a:lnTo>
                    <a:pt x="10905" y="9971"/>
                  </a:lnTo>
                  <a:lnTo>
                    <a:pt x="10859" y="10028"/>
                  </a:lnTo>
                  <a:lnTo>
                    <a:pt x="10811" y="10084"/>
                  </a:lnTo>
                  <a:lnTo>
                    <a:pt x="10763" y="10140"/>
                  </a:lnTo>
                  <a:lnTo>
                    <a:pt x="10715" y="10195"/>
                  </a:lnTo>
                  <a:lnTo>
                    <a:pt x="10665" y="10250"/>
                  </a:lnTo>
                  <a:lnTo>
                    <a:pt x="10616" y="10305"/>
                  </a:lnTo>
                  <a:lnTo>
                    <a:pt x="10566" y="10357"/>
                  </a:lnTo>
                  <a:lnTo>
                    <a:pt x="10514" y="10411"/>
                  </a:lnTo>
                  <a:lnTo>
                    <a:pt x="10463" y="10463"/>
                  </a:lnTo>
                  <a:lnTo>
                    <a:pt x="10411" y="10514"/>
                  </a:lnTo>
                  <a:lnTo>
                    <a:pt x="10357" y="10566"/>
                  </a:lnTo>
                  <a:lnTo>
                    <a:pt x="10305" y="10616"/>
                  </a:lnTo>
                  <a:lnTo>
                    <a:pt x="10250" y="10665"/>
                  </a:lnTo>
                  <a:lnTo>
                    <a:pt x="10195" y="10715"/>
                  </a:lnTo>
                  <a:lnTo>
                    <a:pt x="10140" y="10763"/>
                  </a:lnTo>
                  <a:lnTo>
                    <a:pt x="10084" y="10811"/>
                  </a:lnTo>
                  <a:lnTo>
                    <a:pt x="10028" y="10859"/>
                  </a:lnTo>
                  <a:lnTo>
                    <a:pt x="9971" y="10905"/>
                  </a:lnTo>
                  <a:lnTo>
                    <a:pt x="9913" y="10951"/>
                  </a:lnTo>
                  <a:lnTo>
                    <a:pt x="9855" y="10996"/>
                  </a:lnTo>
                  <a:lnTo>
                    <a:pt x="9796" y="11040"/>
                  </a:lnTo>
                  <a:lnTo>
                    <a:pt x="9737" y="11084"/>
                  </a:lnTo>
                  <a:lnTo>
                    <a:pt x="9677" y="11127"/>
                  </a:lnTo>
                  <a:lnTo>
                    <a:pt x="9616" y="11170"/>
                  </a:lnTo>
                  <a:lnTo>
                    <a:pt x="9556" y="11211"/>
                  </a:lnTo>
                  <a:lnTo>
                    <a:pt x="9494" y="11252"/>
                  </a:lnTo>
                  <a:lnTo>
                    <a:pt x="9432" y="11293"/>
                  </a:lnTo>
                  <a:lnTo>
                    <a:pt x="9370" y="11332"/>
                  </a:lnTo>
                  <a:lnTo>
                    <a:pt x="9307" y="11370"/>
                  </a:lnTo>
                  <a:lnTo>
                    <a:pt x="9244" y="11408"/>
                  </a:lnTo>
                  <a:lnTo>
                    <a:pt x="9180" y="11446"/>
                  </a:lnTo>
                  <a:lnTo>
                    <a:pt x="9115" y="11483"/>
                  </a:lnTo>
                  <a:lnTo>
                    <a:pt x="9051" y="11518"/>
                  </a:lnTo>
                  <a:lnTo>
                    <a:pt x="8985" y="11553"/>
                  </a:lnTo>
                  <a:lnTo>
                    <a:pt x="8920" y="11587"/>
                  </a:lnTo>
                  <a:lnTo>
                    <a:pt x="8852" y="11621"/>
                  </a:lnTo>
                  <a:lnTo>
                    <a:pt x="8786" y="11653"/>
                  </a:lnTo>
                  <a:lnTo>
                    <a:pt x="8719" y="11685"/>
                  </a:lnTo>
                  <a:lnTo>
                    <a:pt x="8651" y="11716"/>
                  </a:lnTo>
                  <a:lnTo>
                    <a:pt x="8584" y="11746"/>
                  </a:lnTo>
                  <a:lnTo>
                    <a:pt x="8514" y="11776"/>
                  </a:lnTo>
                  <a:lnTo>
                    <a:pt x="8446" y="11805"/>
                  </a:lnTo>
                  <a:lnTo>
                    <a:pt x="8376" y="11833"/>
                  </a:lnTo>
                  <a:lnTo>
                    <a:pt x="8307" y="11860"/>
                  </a:lnTo>
                  <a:lnTo>
                    <a:pt x="8236" y="11886"/>
                  </a:lnTo>
                  <a:lnTo>
                    <a:pt x="8166" y="11912"/>
                  </a:lnTo>
                  <a:lnTo>
                    <a:pt x="8095" y="11936"/>
                  </a:lnTo>
                  <a:lnTo>
                    <a:pt x="8024" y="11959"/>
                  </a:lnTo>
                  <a:lnTo>
                    <a:pt x="7951" y="11982"/>
                  </a:lnTo>
                  <a:lnTo>
                    <a:pt x="7880" y="12005"/>
                  </a:lnTo>
                  <a:lnTo>
                    <a:pt x="7806" y="12025"/>
                  </a:lnTo>
                  <a:lnTo>
                    <a:pt x="7734" y="12046"/>
                  </a:lnTo>
                  <a:lnTo>
                    <a:pt x="7661" y="12065"/>
                  </a:lnTo>
                  <a:lnTo>
                    <a:pt x="7587" y="12083"/>
                  </a:lnTo>
                  <a:lnTo>
                    <a:pt x="7513" y="12101"/>
                  </a:lnTo>
                  <a:lnTo>
                    <a:pt x="7439" y="12117"/>
                  </a:lnTo>
                  <a:lnTo>
                    <a:pt x="7364" y="12134"/>
                  </a:lnTo>
                  <a:lnTo>
                    <a:pt x="7290" y="12148"/>
                  </a:lnTo>
                  <a:lnTo>
                    <a:pt x="7214" y="12162"/>
                  </a:lnTo>
                  <a:lnTo>
                    <a:pt x="7139" y="12175"/>
                  </a:lnTo>
                  <a:lnTo>
                    <a:pt x="7062" y="12188"/>
                  </a:lnTo>
                  <a:lnTo>
                    <a:pt x="6986" y="12198"/>
                  </a:lnTo>
                  <a:lnTo>
                    <a:pt x="6909" y="12208"/>
                  </a:lnTo>
                  <a:lnTo>
                    <a:pt x="6833" y="12218"/>
                  </a:lnTo>
                  <a:lnTo>
                    <a:pt x="6755" y="12226"/>
                  </a:lnTo>
                  <a:lnTo>
                    <a:pt x="6678" y="12234"/>
                  </a:lnTo>
                  <a:lnTo>
                    <a:pt x="6600" y="12240"/>
                  </a:lnTo>
                  <a:lnTo>
                    <a:pt x="6523" y="12246"/>
                  </a:lnTo>
                  <a:lnTo>
                    <a:pt x="6444" y="12250"/>
                  </a:lnTo>
                  <a:lnTo>
                    <a:pt x="6366" y="12254"/>
                  </a:lnTo>
                  <a:lnTo>
                    <a:pt x="6287" y="12256"/>
                  </a:lnTo>
                  <a:lnTo>
                    <a:pt x="6209" y="12258"/>
                  </a:lnTo>
                  <a:lnTo>
                    <a:pt x="6129" y="12258"/>
                  </a:lnTo>
                  <a:lnTo>
                    <a:pt x="6129" y="12258"/>
                  </a:lnTo>
                  <a:lnTo>
                    <a:pt x="6049" y="12258"/>
                  </a:lnTo>
                  <a:lnTo>
                    <a:pt x="5971" y="12256"/>
                  </a:lnTo>
                  <a:lnTo>
                    <a:pt x="5892" y="12254"/>
                  </a:lnTo>
                  <a:lnTo>
                    <a:pt x="5814" y="12250"/>
                  </a:lnTo>
                  <a:lnTo>
                    <a:pt x="5735" y="12246"/>
                  </a:lnTo>
                  <a:lnTo>
                    <a:pt x="5658" y="12240"/>
                  </a:lnTo>
                  <a:lnTo>
                    <a:pt x="5580" y="12234"/>
                  </a:lnTo>
                  <a:lnTo>
                    <a:pt x="5503" y="12226"/>
                  </a:lnTo>
                  <a:lnTo>
                    <a:pt x="5425" y="12218"/>
                  </a:lnTo>
                  <a:lnTo>
                    <a:pt x="5349" y="12208"/>
                  </a:lnTo>
                  <a:lnTo>
                    <a:pt x="5272" y="12198"/>
                  </a:lnTo>
                  <a:lnTo>
                    <a:pt x="5196" y="12188"/>
                  </a:lnTo>
                  <a:lnTo>
                    <a:pt x="5119" y="12175"/>
                  </a:lnTo>
                  <a:lnTo>
                    <a:pt x="5044" y="12162"/>
                  </a:lnTo>
                  <a:lnTo>
                    <a:pt x="4968" y="12148"/>
                  </a:lnTo>
                  <a:lnTo>
                    <a:pt x="4894" y="12134"/>
                  </a:lnTo>
                  <a:lnTo>
                    <a:pt x="4819" y="12117"/>
                  </a:lnTo>
                  <a:lnTo>
                    <a:pt x="4745" y="12101"/>
                  </a:lnTo>
                  <a:lnTo>
                    <a:pt x="4671" y="12083"/>
                  </a:lnTo>
                  <a:lnTo>
                    <a:pt x="4597" y="12065"/>
                  </a:lnTo>
                  <a:lnTo>
                    <a:pt x="4524" y="12046"/>
                  </a:lnTo>
                  <a:lnTo>
                    <a:pt x="4452" y="12025"/>
                  </a:lnTo>
                  <a:lnTo>
                    <a:pt x="4378" y="12005"/>
                  </a:lnTo>
                  <a:lnTo>
                    <a:pt x="4307" y="11982"/>
                  </a:lnTo>
                  <a:lnTo>
                    <a:pt x="4234" y="11959"/>
                  </a:lnTo>
                  <a:lnTo>
                    <a:pt x="4163" y="11936"/>
                  </a:lnTo>
                  <a:lnTo>
                    <a:pt x="4092" y="11912"/>
                  </a:lnTo>
                  <a:lnTo>
                    <a:pt x="4022" y="11886"/>
                  </a:lnTo>
                  <a:lnTo>
                    <a:pt x="3951" y="11860"/>
                  </a:lnTo>
                  <a:lnTo>
                    <a:pt x="3882" y="11833"/>
                  </a:lnTo>
                  <a:lnTo>
                    <a:pt x="3812" y="11805"/>
                  </a:lnTo>
                  <a:lnTo>
                    <a:pt x="3744" y="11776"/>
                  </a:lnTo>
                  <a:lnTo>
                    <a:pt x="3674" y="11746"/>
                  </a:lnTo>
                  <a:lnTo>
                    <a:pt x="3607" y="11716"/>
                  </a:lnTo>
                  <a:lnTo>
                    <a:pt x="3539" y="11685"/>
                  </a:lnTo>
                  <a:lnTo>
                    <a:pt x="3472" y="11653"/>
                  </a:lnTo>
                  <a:lnTo>
                    <a:pt x="3406" y="11621"/>
                  </a:lnTo>
                  <a:lnTo>
                    <a:pt x="3338" y="11587"/>
                  </a:lnTo>
                  <a:lnTo>
                    <a:pt x="3273" y="11553"/>
                  </a:lnTo>
                  <a:lnTo>
                    <a:pt x="3207" y="11518"/>
                  </a:lnTo>
                  <a:lnTo>
                    <a:pt x="3143" y="11483"/>
                  </a:lnTo>
                  <a:lnTo>
                    <a:pt x="3078" y="11446"/>
                  </a:lnTo>
                  <a:lnTo>
                    <a:pt x="3014" y="11408"/>
                  </a:lnTo>
                  <a:lnTo>
                    <a:pt x="2951" y="11370"/>
                  </a:lnTo>
                  <a:lnTo>
                    <a:pt x="2888" y="11332"/>
                  </a:lnTo>
                  <a:lnTo>
                    <a:pt x="2826" y="11293"/>
                  </a:lnTo>
                  <a:lnTo>
                    <a:pt x="2764" y="11252"/>
                  </a:lnTo>
                  <a:lnTo>
                    <a:pt x="2702" y="11211"/>
                  </a:lnTo>
                  <a:lnTo>
                    <a:pt x="2642" y="11170"/>
                  </a:lnTo>
                  <a:lnTo>
                    <a:pt x="2581" y="11127"/>
                  </a:lnTo>
                  <a:lnTo>
                    <a:pt x="2521" y="11084"/>
                  </a:lnTo>
                  <a:lnTo>
                    <a:pt x="2462" y="11040"/>
                  </a:lnTo>
                  <a:lnTo>
                    <a:pt x="2403" y="10996"/>
                  </a:lnTo>
                  <a:lnTo>
                    <a:pt x="2345" y="10951"/>
                  </a:lnTo>
                  <a:lnTo>
                    <a:pt x="2287" y="10905"/>
                  </a:lnTo>
                  <a:lnTo>
                    <a:pt x="2230" y="10859"/>
                  </a:lnTo>
                  <a:lnTo>
                    <a:pt x="2174" y="10811"/>
                  </a:lnTo>
                  <a:lnTo>
                    <a:pt x="2118" y="10763"/>
                  </a:lnTo>
                  <a:lnTo>
                    <a:pt x="2063" y="10715"/>
                  </a:lnTo>
                  <a:lnTo>
                    <a:pt x="2008" y="10665"/>
                  </a:lnTo>
                  <a:lnTo>
                    <a:pt x="1953" y="10616"/>
                  </a:lnTo>
                  <a:lnTo>
                    <a:pt x="1901" y="10566"/>
                  </a:lnTo>
                  <a:lnTo>
                    <a:pt x="1847" y="10514"/>
                  </a:lnTo>
                  <a:lnTo>
                    <a:pt x="1795" y="10463"/>
                  </a:lnTo>
                  <a:lnTo>
                    <a:pt x="1744" y="10411"/>
                  </a:lnTo>
                  <a:lnTo>
                    <a:pt x="1692" y="10357"/>
                  </a:lnTo>
                  <a:lnTo>
                    <a:pt x="1642" y="10305"/>
                  </a:lnTo>
                  <a:lnTo>
                    <a:pt x="1593" y="10250"/>
                  </a:lnTo>
                  <a:lnTo>
                    <a:pt x="1543" y="10195"/>
                  </a:lnTo>
                  <a:lnTo>
                    <a:pt x="1495" y="10140"/>
                  </a:lnTo>
                  <a:lnTo>
                    <a:pt x="1447" y="10084"/>
                  </a:lnTo>
                  <a:lnTo>
                    <a:pt x="1399" y="10028"/>
                  </a:lnTo>
                  <a:lnTo>
                    <a:pt x="1353" y="9971"/>
                  </a:lnTo>
                  <a:lnTo>
                    <a:pt x="1307" y="9913"/>
                  </a:lnTo>
                  <a:lnTo>
                    <a:pt x="1262" y="9855"/>
                  </a:lnTo>
                  <a:lnTo>
                    <a:pt x="1218" y="9796"/>
                  </a:lnTo>
                  <a:lnTo>
                    <a:pt x="1174" y="9737"/>
                  </a:lnTo>
                  <a:lnTo>
                    <a:pt x="1131" y="9677"/>
                  </a:lnTo>
                  <a:lnTo>
                    <a:pt x="1088" y="9616"/>
                  </a:lnTo>
                  <a:lnTo>
                    <a:pt x="1047" y="9556"/>
                  </a:lnTo>
                  <a:lnTo>
                    <a:pt x="1006" y="9494"/>
                  </a:lnTo>
                  <a:lnTo>
                    <a:pt x="965" y="9432"/>
                  </a:lnTo>
                  <a:lnTo>
                    <a:pt x="926" y="9370"/>
                  </a:lnTo>
                  <a:lnTo>
                    <a:pt x="888" y="9307"/>
                  </a:lnTo>
                  <a:lnTo>
                    <a:pt x="850" y="9244"/>
                  </a:lnTo>
                  <a:lnTo>
                    <a:pt x="812" y="9180"/>
                  </a:lnTo>
                  <a:lnTo>
                    <a:pt x="775" y="9115"/>
                  </a:lnTo>
                  <a:lnTo>
                    <a:pt x="740" y="9051"/>
                  </a:lnTo>
                  <a:lnTo>
                    <a:pt x="705" y="8985"/>
                  </a:lnTo>
                  <a:lnTo>
                    <a:pt x="671" y="8920"/>
                  </a:lnTo>
                  <a:lnTo>
                    <a:pt x="637" y="8852"/>
                  </a:lnTo>
                  <a:lnTo>
                    <a:pt x="605" y="8786"/>
                  </a:lnTo>
                  <a:lnTo>
                    <a:pt x="573" y="8719"/>
                  </a:lnTo>
                  <a:lnTo>
                    <a:pt x="542" y="8651"/>
                  </a:lnTo>
                  <a:lnTo>
                    <a:pt x="512" y="8584"/>
                  </a:lnTo>
                  <a:lnTo>
                    <a:pt x="482" y="8514"/>
                  </a:lnTo>
                  <a:lnTo>
                    <a:pt x="453" y="8446"/>
                  </a:lnTo>
                  <a:lnTo>
                    <a:pt x="425" y="8376"/>
                  </a:lnTo>
                  <a:lnTo>
                    <a:pt x="398" y="8307"/>
                  </a:lnTo>
                  <a:lnTo>
                    <a:pt x="372" y="8236"/>
                  </a:lnTo>
                  <a:lnTo>
                    <a:pt x="346" y="8166"/>
                  </a:lnTo>
                  <a:lnTo>
                    <a:pt x="322" y="8095"/>
                  </a:lnTo>
                  <a:lnTo>
                    <a:pt x="299" y="8024"/>
                  </a:lnTo>
                  <a:lnTo>
                    <a:pt x="276" y="7951"/>
                  </a:lnTo>
                  <a:lnTo>
                    <a:pt x="253" y="7880"/>
                  </a:lnTo>
                  <a:lnTo>
                    <a:pt x="233" y="7806"/>
                  </a:lnTo>
                  <a:lnTo>
                    <a:pt x="212" y="7734"/>
                  </a:lnTo>
                  <a:lnTo>
                    <a:pt x="193" y="7661"/>
                  </a:lnTo>
                  <a:lnTo>
                    <a:pt x="175" y="7587"/>
                  </a:lnTo>
                  <a:lnTo>
                    <a:pt x="157" y="7513"/>
                  </a:lnTo>
                  <a:lnTo>
                    <a:pt x="141" y="7439"/>
                  </a:lnTo>
                  <a:lnTo>
                    <a:pt x="124" y="7364"/>
                  </a:lnTo>
                  <a:lnTo>
                    <a:pt x="110" y="7290"/>
                  </a:lnTo>
                  <a:lnTo>
                    <a:pt x="96" y="7214"/>
                  </a:lnTo>
                  <a:lnTo>
                    <a:pt x="83" y="7139"/>
                  </a:lnTo>
                  <a:lnTo>
                    <a:pt x="70" y="7062"/>
                  </a:lnTo>
                  <a:lnTo>
                    <a:pt x="60" y="6986"/>
                  </a:lnTo>
                  <a:lnTo>
                    <a:pt x="50" y="6909"/>
                  </a:lnTo>
                  <a:lnTo>
                    <a:pt x="40" y="6833"/>
                  </a:lnTo>
                  <a:lnTo>
                    <a:pt x="32" y="6755"/>
                  </a:lnTo>
                  <a:lnTo>
                    <a:pt x="24" y="6678"/>
                  </a:lnTo>
                  <a:lnTo>
                    <a:pt x="18" y="6600"/>
                  </a:lnTo>
                  <a:lnTo>
                    <a:pt x="12" y="6523"/>
                  </a:lnTo>
                  <a:lnTo>
                    <a:pt x="8" y="6444"/>
                  </a:lnTo>
                  <a:lnTo>
                    <a:pt x="4" y="6366"/>
                  </a:lnTo>
                  <a:lnTo>
                    <a:pt x="2" y="6287"/>
                  </a:lnTo>
                  <a:lnTo>
                    <a:pt x="0" y="6209"/>
                  </a:lnTo>
                  <a:lnTo>
                    <a:pt x="0" y="6129"/>
                  </a:lnTo>
                  <a:lnTo>
                    <a:pt x="0" y="6129"/>
                  </a:lnTo>
                  <a:lnTo>
                    <a:pt x="0" y="6049"/>
                  </a:lnTo>
                  <a:lnTo>
                    <a:pt x="2" y="5971"/>
                  </a:lnTo>
                  <a:lnTo>
                    <a:pt x="4" y="5892"/>
                  </a:lnTo>
                  <a:lnTo>
                    <a:pt x="8" y="5814"/>
                  </a:lnTo>
                  <a:lnTo>
                    <a:pt x="12" y="5735"/>
                  </a:lnTo>
                  <a:lnTo>
                    <a:pt x="18" y="5658"/>
                  </a:lnTo>
                  <a:lnTo>
                    <a:pt x="24" y="5580"/>
                  </a:lnTo>
                  <a:lnTo>
                    <a:pt x="32" y="5503"/>
                  </a:lnTo>
                  <a:lnTo>
                    <a:pt x="40" y="5425"/>
                  </a:lnTo>
                  <a:lnTo>
                    <a:pt x="50" y="5349"/>
                  </a:lnTo>
                  <a:lnTo>
                    <a:pt x="60" y="5272"/>
                  </a:lnTo>
                  <a:lnTo>
                    <a:pt x="70" y="5196"/>
                  </a:lnTo>
                  <a:lnTo>
                    <a:pt x="83" y="5119"/>
                  </a:lnTo>
                  <a:lnTo>
                    <a:pt x="96" y="5044"/>
                  </a:lnTo>
                  <a:lnTo>
                    <a:pt x="110" y="4968"/>
                  </a:lnTo>
                  <a:lnTo>
                    <a:pt x="124" y="4894"/>
                  </a:lnTo>
                  <a:lnTo>
                    <a:pt x="141" y="4819"/>
                  </a:lnTo>
                  <a:lnTo>
                    <a:pt x="157" y="4745"/>
                  </a:lnTo>
                  <a:lnTo>
                    <a:pt x="175" y="4671"/>
                  </a:lnTo>
                  <a:lnTo>
                    <a:pt x="193" y="4597"/>
                  </a:lnTo>
                  <a:lnTo>
                    <a:pt x="212" y="4524"/>
                  </a:lnTo>
                  <a:lnTo>
                    <a:pt x="233" y="4452"/>
                  </a:lnTo>
                  <a:lnTo>
                    <a:pt x="253" y="4378"/>
                  </a:lnTo>
                  <a:lnTo>
                    <a:pt x="276" y="4307"/>
                  </a:lnTo>
                  <a:lnTo>
                    <a:pt x="299" y="4234"/>
                  </a:lnTo>
                  <a:lnTo>
                    <a:pt x="322" y="4163"/>
                  </a:lnTo>
                  <a:lnTo>
                    <a:pt x="346" y="4092"/>
                  </a:lnTo>
                  <a:lnTo>
                    <a:pt x="372" y="4022"/>
                  </a:lnTo>
                  <a:lnTo>
                    <a:pt x="398" y="3951"/>
                  </a:lnTo>
                  <a:lnTo>
                    <a:pt x="425" y="3882"/>
                  </a:lnTo>
                  <a:lnTo>
                    <a:pt x="453" y="3812"/>
                  </a:lnTo>
                  <a:lnTo>
                    <a:pt x="482" y="3744"/>
                  </a:lnTo>
                  <a:lnTo>
                    <a:pt x="512" y="3674"/>
                  </a:lnTo>
                  <a:lnTo>
                    <a:pt x="542" y="3607"/>
                  </a:lnTo>
                  <a:lnTo>
                    <a:pt x="573" y="3539"/>
                  </a:lnTo>
                  <a:lnTo>
                    <a:pt x="605" y="3472"/>
                  </a:lnTo>
                  <a:lnTo>
                    <a:pt x="637" y="3406"/>
                  </a:lnTo>
                  <a:lnTo>
                    <a:pt x="671" y="3338"/>
                  </a:lnTo>
                  <a:lnTo>
                    <a:pt x="705" y="3273"/>
                  </a:lnTo>
                  <a:lnTo>
                    <a:pt x="740" y="3207"/>
                  </a:lnTo>
                  <a:lnTo>
                    <a:pt x="775" y="3143"/>
                  </a:lnTo>
                  <a:lnTo>
                    <a:pt x="812" y="3078"/>
                  </a:lnTo>
                  <a:lnTo>
                    <a:pt x="850" y="3014"/>
                  </a:lnTo>
                  <a:lnTo>
                    <a:pt x="888" y="2951"/>
                  </a:lnTo>
                  <a:lnTo>
                    <a:pt x="926" y="2888"/>
                  </a:lnTo>
                  <a:lnTo>
                    <a:pt x="965" y="2826"/>
                  </a:lnTo>
                  <a:lnTo>
                    <a:pt x="1006" y="2764"/>
                  </a:lnTo>
                  <a:lnTo>
                    <a:pt x="1047" y="2702"/>
                  </a:lnTo>
                  <a:lnTo>
                    <a:pt x="1088" y="2642"/>
                  </a:lnTo>
                  <a:lnTo>
                    <a:pt x="1131" y="2581"/>
                  </a:lnTo>
                  <a:lnTo>
                    <a:pt x="1174" y="2521"/>
                  </a:lnTo>
                  <a:lnTo>
                    <a:pt x="1218" y="2462"/>
                  </a:lnTo>
                  <a:lnTo>
                    <a:pt x="1262" y="2403"/>
                  </a:lnTo>
                  <a:lnTo>
                    <a:pt x="1307" y="2345"/>
                  </a:lnTo>
                  <a:lnTo>
                    <a:pt x="1353" y="2287"/>
                  </a:lnTo>
                  <a:lnTo>
                    <a:pt x="1399" y="2230"/>
                  </a:lnTo>
                  <a:lnTo>
                    <a:pt x="1447" y="2174"/>
                  </a:lnTo>
                  <a:lnTo>
                    <a:pt x="1495" y="2118"/>
                  </a:lnTo>
                  <a:lnTo>
                    <a:pt x="1543" y="2063"/>
                  </a:lnTo>
                  <a:lnTo>
                    <a:pt x="1593" y="2008"/>
                  </a:lnTo>
                  <a:lnTo>
                    <a:pt x="1642" y="1953"/>
                  </a:lnTo>
                  <a:lnTo>
                    <a:pt x="1692" y="1901"/>
                  </a:lnTo>
                  <a:lnTo>
                    <a:pt x="1744" y="1847"/>
                  </a:lnTo>
                  <a:lnTo>
                    <a:pt x="1795" y="1795"/>
                  </a:lnTo>
                  <a:lnTo>
                    <a:pt x="1847" y="1744"/>
                  </a:lnTo>
                  <a:lnTo>
                    <a:pt x="1901" y="1692"/>
                  </a:lnTo>
                  <a:lnTo>
                    <a:pt x="1953" y="1642"/>
                  </a:lnTo>
                  <a:lnTo>
                    <a:pt x="2008" y="1593"/>
                  </a:lnTo>
                  <a:lnTo>
                    <a:pt x="2063" y="1543"/>
                  </a:lnTo>
                  <a:lnTo>
                    <a:pt x="2118" y="1495"/>
                  </a:lnTo>
                  <a:lnTo>
                    <a:pt x="2174" y="1447"/>
                  </a:lnTo>
                  <a:lnTo>
                    <a:pt x="2230" y="1399"/>
                  </a:lnTo>
                  <a:lnTo>
                    <a:pt x="2287" y="1353"/>
                  </a:lnTo>
                  <a:lnTo>
                    <a:pt x="2345" y="1307"/>
                  </a:lnTo>
                  <a:lnTo>
                    <a:pt x="2403" y="1262"/>
                  </a:lnTo>
                  <a:lnTo>
                    <a:pt x="2462" y="1218"/>
                  </a:lnTo>
                  <a:lnTo>
                    <a:pt x="2521" y="1174"/>
                  </a:lnTo>
                  <a:lnTo>
                    <a:pt x="2581" y="1131"/>
                  </a:lnTo>
                  <a:lnTo>
                    <a:pt x="2642" y="1088"/>
                  </a:lnTo>
                  <a:lnTo>
                    <a:pt x="2702" y="1047"/>
                  </a:lnTo>
                  <a:lnTo>
                    <a:pt x="2764" y="1006"/>
                  </a:lnTo>
                  <a:lnTo>
                    <a:pt x="2826" y="965"/>
                  </a:lnTo>
                  <a:lnTo>
                    <a:pt x="2888" y="926"/>
                  </a:lnTo>
                  <a:lnTo>
                    <a:pt x="2951" y="888"/>
                  </a:lnTo>
                  <a:lnTo>
                    <a:pt x="3014" y="850"/>
                  </a:lnTo>
                  <a:lnTo>
                    <a:pt x="3078" y="812"/>
                  </a:lnTo>
                  <a:lnTo>
                    <a:pt x="3143" y="775"/>
                  </a:lnTo>
                  <a:lnTo>
                    <a:pt x="3207" y="740"/>
                  </a:lnTo>
                  <a:lnTo>
                    <a:pt x="3273" y="705"/>
                  </a:lnTo>
                  <a:lnTo>
                    <a:pt x="3338" y="671"/>
                  </a:lnTo>
                  <a:lnTo>
                    <a:pt x="3406" y="637"/>
                  </a:lnTo>
                  <a:lnTo>
                    <a:pt x="3472" y="605"/>
                  </a:lnTo>
                  <a:lnTo>
                    <a:pt x="3539" y="573"/>
                  </a:lnTo>
                  <a:lnTo>
                    <a:pt x="3607" y="542"/>
                  </a:lnTo>
                  <a:lnTo>
                    <a:pt x="3674" y="512"/>
                  </a:lnTo>
                  <a:lnTo>
                    <a:pt x="3744" y="482"/>
                  </a:lnTo>
                  <a:lnTo>
                    <a:pt x="3812" y="453"/>
                  </a:lnTo>
                  <a:lnTo>
                    <a:pt x="3882" y="425"/>
                  </a:lnTo>
                  <a:lnTo>
                    <a:pt x="3951" y="398"/>
                  </a:lnTo>
                  <a:lnTo>
                    <a:pt x="4022" y="372"/>
                  </a:lnTo>
                  <a:lnTo>
                    <a:pt x="4092" y="346"/>
                  </a:lnTo>
                  <a:lnTo>
                    <a:pt x="4163" y="322"/>
                  </a:lnTo>
                  <a:lnTo>
                    <a:pt x="4234" y="299"/>
                  </a:lnTo>
                  <a:lnTo>
                    <a:pt x="4307" y="276"/>
                  </a:lnTo>
                  <a:lnTo>
                    <a:pt x="4378" y="253"/>
                  </a:lnTo>
                  <a:lnTo>
                    <a:pt x="4452" y="233"/>
                  </a:lnTo>
                  <a:lnTo>
                    <a:pt x="4524" y="212"/>
                  </a:lnTo>
                  <a:lnTo>
                    <a:pt x="4597" y="193"/>
                  </a:lnTo>
                  <a:lnTo>
                    <a:pt x="4671" y="175"/>
                  </a:lnTo>
                  <a:lnTo>
                    <a:pt x="4745" y="157"/>
                  </a:lnTo>
                  <a:lnTo>
                    <a:pt x="4819" y="141"/>
                  </a:lnTo>
                  <a:lnTo>
                    <a:pt x="4894" y="124"/>
                  </a:lnTo>
                  <a:lnTo>
                    <a:pt x="4968" y="110"/>
                  </a:lnTo>
                  <a:lnTo>
                    <a:pt x="5044" y="96"/>
                  </a:lnTo>
                  <a:lnTo>
                    <a:pt x="5119" y="83"/>
                  </a:lnTo>
                  <a:lnTo>
                    <a:pt x="5196" y="70"/>
                  </a:lnTo>
                  <a:lnTo>
                    <a:pt x="5272" y="60"/>
                  </a:lnTo>
                  <a:lnTo>
                    <a:pt x="5349" y="50"/>
                  </a:lnTo>
                  <a:lnTo>
                    <a:pt x="5425" y="40"/>
                  </a:lnTo>
                  <a:lnTo>
                    <a:pt x="5503" y="32"/>
                  </a:lnTo>
                  <a:lnTo>
                    <a:pt x="5580" y="24"/>
                  </a:lnTo>
                  <a:lnTo>
                    <a:pt x="5658" y="18"/>
                  </a:lnTo>
                  <a:lnTo>
                    <a:pt x="5735" y="12"/>
                  </a:lnTo>
                  <a:lnTo>
                    <a:pt x="5814" y="8"/>
                  </a:lnTo>
                  <a:lnTo>
                    <a:pt x="5892" y="4"/>
                  </a:lnTo>
                  <a:lnTo>
                    <a:pt x="5971" y="2"/>
                  </a:lnTo>
                  <a:lnTo>
                    <a:pt x="6049" y="0"/>
                  </a:lnTo>
                  <a:lnTo>
                    <a:pt x="6129" y="0"/>
                  </a:lnTo>
                  <a:lnTo>
                    <a:pt x="6129" y="0"/>
                  </a:lnTo>
                  <a:lnTo>
                    <a:pt x="6209" y="0"/>
                  </a:lnTo>
                  <a:lnTo>
                    <a:pt x="6287" y="2"/>
                  </a:lnTo>
                  <a:lnTo>
                    <a:pt x="6366" y="4"/>
                  </a:lnTo>
                  <a:lnTo>
                    <a:pt x="6444" y="8"/>
                  </a:lnTo>
                  <a:lnTo>
                    <a:pt x="6523" y="12"/>
                  </a:lnTo>
                  <a:lnTo>
                    <a:pt x="6600" y="18"/>
                  </a:lnTo>
                  <a:lnTo>
                    <a:pt x="6678" y="24"/>
                  </a:lnTo>
                  <a:lnTo>
                    <a:pt x="6755" y="32"/>
                  </a:lnTo>
                  <a:lnTo>
                    <a:pt x="6833" y="40"/>
                  </a:lnTo>
                  <a:lnTo>
                    <a:pt x="6909" y="50"/>
                  </a:lnTo>
                  <a:lnTo>
                    <a:pt x="6986" y="60"/>
                  </a:lnTo>
                  <a:lnTo>
                    <a:pt x="7062" y="70"/>
                  </a:lnTo>
                  <a:lnTo>
                    <a:pt x="7139" y="83"/>
                  </a:lnTo>
                  <a:lnTo>
                    <a:pt x="7214" y="96"/>
                  </a:lnTo>
                  <a:lnTo>
                    <a:pt x="7290" y="110"/>
                  </a:lnTo>
                  <a:lnTo>
                    <a:pt x="7364" y="124"/>
                  </a:lnTo>
                  <a:lnTo>
                    <a:pt x="7439" y="141"/>
                  </a:lnTo>
                  <a:lnTo>
                    <a:pt x="7513" y="157"/>
                  </a:lnTo>
                  <a:lnTo>
                    <a:pt x="7587" y="175"/>
                  </a:lnTo>
                  <a:lnTo>
                    <a:pt x="7661" y="193"/>
                  </a:lnTo>
                  <a:lnTo>
                    <a:pt x="7734" y="212"/>
                  </a:lnTo>
                  <a:lnTo>
                    <a:pt x="7806" y="233"/>
                  </a:lnTo>
                  <a:lnTo>
                    <a:pt x="7880" y="253"/>
                  </a:lnTo>
                  <a:lnTo>
                    <a:pt x="7951" y="276"/>
                  </a:lnTo>
                  <a:lnTo>
                    <a:pt x="8024" y="299"/>
                  </a:lnTo>
                  <a:lnTo>
                    <a:pt x="8095" y="322"/>
                  </a:lnTo>
                  <a:lnTo>
                    <a:pt x="8166" y="346"/>
                  </a:lnTo>
                  <a:lnTo>
                    <a:pt x="8236" y="372"/>
                  </a:lnTo>
                  <a:lnTo>
                    <a:pt x="8307" y="398"/>
                  </a:lnTo>
                  <a:lnTo>
                    <a:pt x="8376" y="425"/>
                  </a:lnTo>
                  <a:lnTo>
                    <a:pt x="8446" y="453"/>
                  </a:lnTo>
                  <a:lnTo>
                    <a:pt x="8514" y="482"/>
                  </a:lnTo>
                  <a:lnTo>
                    <a:pt x="8584" y="512"/>
                  </a:lnTo>
                  <a:lnTo>
                    <a:pt x="8651" y="542"/>
                  </a:lnTo>
                  <a:lnTo>
                    <a:pt x="8719" y="573"/>
                  </a:lnTo>
                  <a:lnTo>
                    <a:pt x="8786" y="605"/>
                  </a:lnTo>
                  <a:lnTo>
                    <a:pt x="8852" y="637"/>
                  </a:lnTo>
                  <a:lnTo>
                    <a:pt x="8920" y="671"/>
                  </a:lnTo>
                  <a:lnTo>
                    <a:pt x="8985" y="705"/>
                  </a:lnTo>
                  <a:lnTo>
                    <a:pt x="9051" y="740"/>
                  </a:lnTo>
                  <a:lnTo>
                    <a:pt x="9115" y="775"/>
                  </a:lnTo>
                  <a:lnTo>
                    <a:pt x="9180" y="812"/>
                  </a:lnTo>
                  <a:lnTo>
                    <a:pt x="9244" y="850"/>
                  </a:lnTo>
                  <a:lnTo>
                    <a:pt x="9307" y="888"/>
                  </a:lnTo>
                  <a:lnTo>
                    <a:pt x="9370" y="926"/>
                  </a:lnTo>
                  <a:lnTo>
                    <a:pt x="9432" y="965"/>
                  </a:lnTo>
                  <a:lnTo>
                    <a:pt x="9494" y="1006"/>
                  </a:lnTo>
                  <a:lnTo>
                    <a:pt x="9556" y="1047"/>
                  </a:lnTo>
                  <a:lnTo>
                    <a:pt x="9616" y="1088"/>
                  </a:lnTo>
                  <a:lnTo>
                    <a:pt x="9677" y="1131"/>
                  </a:lnTo>
                  <a:lnTo>
                    <a:pt x="9737" y="1174"/>
                  </a:lnTo>
                  <a:lnTo>
                    <a:pt x="9796" y="1218"/>
                  </a:lnTo>
                  <a:lnTo>
                    <a:pt x="9855" y="1262"/>
                  </a:lnTo>
                  <a:lnTo>
                    <a:pt x="9913" y="1307"/>
                  </a:lnTo>
                  <a:lnTo>
                    <a:pt x="9971" y="1353"/>
                  </a:lnTo>
                  <a:lnTo>
                    <a:pt x="10028" y="1399"/>
                  </a:lnTo>
                  <a:lnTo>
                    <a:pt x="10084" y="1447"/>
                  </a:lnTo>
                  <a:lnTo>
                    <a:pt x="10140" y="1495"/>
                  </a:lnTo>
                  <a:lnTo>
                    <a:pt x="10195" y="1543"/>
                  </a:lnTo>
                  <a:lnTo>
                    <a:pt x="10250" y="1593"/>
                  </a:lnTo>
                  <a:lnTo>
                    <a:pt x="10305" y="1642"/>
                  </a:lnTo>
                  <a:lnTo>
                    <a:pt x="10357" y="1692"/>
                  </a:lnTo>
                  <a:lnTo>
                    <a:pt x="10411" y="1744"/>
                  </a:lnTo>
                  <a:lnTo>
                    <a:pt x="10463" y="1795"/>
                  </a:lnTo>
                  <a:lnTo>
                    <a:pt x="10514" y="1847"/>
                  </a:lnTo>
                  <a:lnTo>
                    <a:pt x="10566" y="1901"/>
                  </a:lnTo>
                  <a:lnTo>
                    <a:pt x="10616" y="1953"/>
                  </a:lnTo>
                  <a:lnTo>
                    <a:pt x="10665" y="2008"/>
                  </a:lnTo>
                  <a:lnTo>
                    <a:pt x="10715" y="2063"/>
                  </a:lnTo>
                  <a:lnTo>
                    <a:pt x="10763" y="2118"/>
                  </a:lnTo>
                  <a:lnTo>
                    <a:pt x="10811" y="2174"/>
                  </a:lnTo>
                  <a:lnTo>
                    <a:pt x="10859" y="2230"/>
                  </a:lnTo>
                  <a:lnTo>
                    <a:pt x="10905" y="2287"/>
                  </a:lnTo>
                  <a:lnTo>
                    <a:pt x="10951" y="2345"/>
                  </a:lnTo>
                  <a:lnTo>
                    <a:pt x="10996" y="2403"/>
                  </a:lnTo>
                  <a:lnTo>
                    <a:pt x="11040" y="2462"/>
                  </a:lnTo>
                  <a:lnTo>
                    <a:pt x="11084" y="2521"/>
                  </a:lnTo>
                  <a:lnTo>
                    <a:pt x="11127" y="2581"/>
                  </a:lnTo>
                  <a:lnTo>
                    <a:pt x="11170" y="2642"/>
                  </a:lnTo>
                  <a:lnTo>
                    <a:pt x="11211" y="2702"/>
                  </a:lnTo>
                  <a:lnTo>
                    <a:pt x="11252" y="2764"/>
                  </a:lnTo>
                  <a:lnTo>
                    <a:pt x="11293" y="2826"/>
                  </a:lnTo>
                  <a:lnTo>
                    <a:pt x="11332" y="2888"/>
                  </a:lnTo>
                  <a:lnTo>
                    <a:pt x="11370" y="2951"/>
                  </a:lnTo>
                  <a:lnTo>
                    <a:pt x="11408" y="3014"/>
                  </a:lnTo>
                  <a:lnTo>
                    <a:pt x="11446" y="3078"/>
                  </a:lnTo>
                  <a:lnTo>
                    <a:pt x="11483" y="3143"/>
                  </a:lnTo>
                  <a:lnTo>
                    <a:pt x="11518" y="3207"/>
                  </a:lnTo>
                  <a:lnTo>
                    <a:pt x="11553" y="3273"/>
                  </a:lnTo>
                  <a:lnTo>
                    <a:pt x="11587" y="3338"/>
                  </a:lnTo>
                  <a:lnTo>
                    <a:pt x="11621" y="3406"/>
                  </a:lnTo>
                  <a:lnTo>
                    <a:pt x="11653" y="3472"/>
                  </a:lnTo>
                  <a:lnTo>
                    <a:pt x="11685" y="3539"/>
                  </a:lnTo>
                  <a:lnTo>
                    <a:pt x="11716" y="3607"/>
                  </a:lnTo>
                  <a:lnTo>
                    <a:pt x="11746" y="3674"/>
                  </a:lnTo>
                  <a:lnTo>
                    <a:pt x="11776" y="3744"/>
                  </a:lnTo>
                  <a:lnTo>
                    <a:pt x="11805" y="3812"/>
                  </a:lnTo>
                  <a:lnTo>
                    <a:pt x="11833" y="3882"/>
                  </a:lnTo>
                  <a:lnTo>
                    <a:pt x="11860" y="3951"/>
                  </a:lnTo>
                  <a:lnTo>
                    <a:pt x="11886" y="4022"/>
                  </a:lnTo>
                  <a:lnTo>
                    <a:pt x="11912" y="4092"/>
                  </a:lnTo>
                  <a:lnTo>
                    <a:pt x="11936" y="4163"/>
                  </a:lnTo>
                  <a:lnTo>
                    <a:pt x="11959" y="4234"/>
                  </a:lnTo>
                  <a:lnTo>
                    <a:pt x="11982" y="4307"/>
                  </a:lnTo>
                  <a:lnTo>
                    <a:pt x="12005" y="4378"/>
                  </a:lnTo>
                  <a:lnTo>
                    <a:pt x="12025" y="4452"/>
                  </a:lnTo>
                  <a:lnTo>
                    <a:pt x="12046" y="4524"/>
                  </a:lnTo>
                  <a:lnTo>
                    <a:pt x="12065" y="4597"/>
                  </a:lnTo>
                  <a:lnTo>
                    <a:pt x="12083" y="4671"/>
                  </a:lnTo>
                  <a:lnTo>
                    <a:pt x="12101" y="4745"/>
                  </a:lnTo>
                  <a:lnTo>
                    <a:pt x="12117" y="4819"/>
                  </a:lnTo>
                  <a:lnTo>
                    <a:pt x="12134" y="4894"/>
                  </a:lnTo>
                  <a:lnTo>
                    <a:pt x="12148" y="4968"/>
                  </a:lnTo>
                  <a:lnTo>
                    <a:pt x="12162" y="5044"/>
                  </a:lnTo>
                  <a:lnTo>
                    <a:pt x="12175" y="5119"/>
                  </a:lnTo>
                  <a:lnTo>
                    <a:pt x="12188" y="5196"/>
                  </a:lnTo>
                  <a:lnTo>
                    <a:pt x="12198" y="5272"/>
                  </a:lnTo>
                  <a:lnTo>
                    <a:pt x="12208" y="5349"/>
                  </a:lnTo>
                  <a:lnTo>
                    <a:pt x="12218" y="5425"/>
                  </a:lnTo>
                  <a:lnTo>
                    <a:pt x="12226" y="5503"/>
                  </a:lnTo>
                  <a:lnTo>
                    <a:pt x="12234" y="5580"/>
                  </a:lnTo>
                  <a:lnTo>
                    <a:pt x="12240" y="5658"/>
                  </a:lnTo>
                  <a:lnTo>
                    <a:pt x="12246" y="5735"/>
                  </a:lnTo>
                  <a:lnTo>
                    <a:pt x="12250" y="5814"/>
                  </a:lnTo>
                  <a:lnTo>
                    <a:pt x="12254" y="5892"/>
                  </a:lnTo>
                  <a:lnTo>
                    <a:pt x="12256" y="5971"/>
                  </a:lnTo>
                  <a:lnTo>
                    <a:pt x="12258" y="6049"/>
                  </a:lnTo>
                  <a:lnTo>
                    <a:pt x="12258" y="6129"/>
                  </a:lnTo>
                  <a:lnTo>
                    <a:pt x="12258" y="612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5" name="Freeform 41"/>
            <p:cNvSpPr>
              <a:spLocks noEditPoints="1"/>
            </p:cNvSpPr>
            <p:nvPr/>
          </p:nvSpPr>
          <p:spPr bwMode="auto">
            <a:xfrm>
              <a:off x="3486151" y="2125663"/>
              <a:ext cx="311150" cy="374650"/>
            </a:xfrm>
            <a:custGeom>
              <a:avLst/>
              <a:gdLst>
                <a:gd name="T0" fmla="*/ 4228 w 5292"/>
                <a:gd name="T1" fmla="*/ 4671 h 6350"/>
                <a:gd name="T2" fmla="*/ 4196 w 5292"/>
                <a:gd name="T3" fmla="*/ 4725 h 6350"/>
                <a:gd name="T4" fmla="*/ 4129 w 5292"/>
                <a:gd name="T5" fmla="*/ 4760 h 6350"/>
                <a:gd name="T6" fmla="*/ 1163 w 5292"/>
                <a:gd name="T7" fmla="*/ 4760 h 6350"/>
                <a:gd name="T8" fmla="*/ 1096 w 5292"/>
                <a:gd name="T9" fmla="*/ 4725 h 6350"/>
                <a:gd name="T10" fmla="*/ 1064 w 5292"/>
                <a:gd name="T11" fmla="*/ 4671 h 6350"/>
                <a:gd name="T12" fmla="*/ 1059 w 5292"/>
                <a:gd name="T13" fmla="*/ 4351 h 6350"/>
                <a:gd name="T14" fmla="*/ 1087 w 5292"/>
                <a:gd name="T15" fmla="*/ 4280 h 6350"/>
                <a:gd name="T16" fmla="*/ 1138 w 5292"/>
                <a:gd name="T17" fmla="*/ 4243 h 6350"/>
                <a:gd name="T18" fmla="*/ 4101 w 5292"/>
                <a:gd name="T19" fmla="*/ 4233 h 6350"/>
                <a:gd name="T20" fmla="*/ 4177 w 5292"/>
                <a:gd name="T21" fmla="*/ 4254 h 6350"/>
                <a:gd name="T22" fmla="*/ 4219 w 5292"/>
                <a:gd name="T23" fmla="*/ 4302 h 6350"/>
                <a:gd name="T24" fmla="*/ 4234 w 5292"/>
                <a:gd name="T25" fmla="*/ 4366 h 6350"/>
                <a:gd name="T26" fmla="*/ 4228 w 5292"/>
                <a:gd name="T27" fmla="*/ 3612 h 6350"/>
                <a:gd name="T28" fmla="*/ 4196 w 5292"/>
                <a:gd name="T29" fmla="*/ 3667 h 6350"/>
                <a:gd name="T30" fmla="*/ 4129 w 5292"/>
                <a:gd name="T31" fmla="*/ 3702 h 6350"/>
                <a:gd name="T32" fmla="*/ 1163 w 5292"/>
                <a:gd name="T33" fmla="*/ 3702 h 6350"/>
                <a:gd name="T34" fmla="*/ 1096 w 5292"/>
                <a:gd name="T35" fmla="*/ 3667 h 6350"/>
                <a:gd name="T36" fmla="*/ 1064 w 5292"/>
                <a:gd name="T37" fmla="*/ 3612 h 6350"/>
                <a:gd name="T38" fmla="*/ 1059 w 5292"/>
                <a:gd name="T39" fmla="*/ 3293 h 6350"/>
                <a:gd name="T40" fmla="*/ 1087 w 5292"/>
                <a:gd name="T41" fmla="*/ 3222 h 6350"/>
                <a:gd name="T42" fmla="*/ 1138 w 5292"/>
                <a:gd name="T43" fmla="*/ 3184 h 6350"/>
                <a:gd name="T44" fmla="*/ 4101 w 5292"/>
                <a:gd name="T45" fmla="*/ 3175 h 6350"/>
                <a:gd name="T46" fmla="*/ 4177 w 5292"/>
                <a:gd name="T47" fmla="*/ 3196 h 6350"/>
                <a:gd name="T48" fmla="*/ 4219 w 5292"/>
                <a:gd name="T49" fmla="*/ 3243 h 6350"/>
                <a:gd name="T50" fmla="*/ 4234 w 5292"/>
                <a:gd name="T51" fmla="*/ 3307 h 6350"/>
                <a:gd name="T52" fmla="*/ 3022 w 5292"/>
                <a:gd name="T53" fmla="*/ 2646 h 6350"/>
                <a:gd name="T54" fmla="*/ 2907 w 5292"/>
                <a:gd name="T55" fmla="*/ 2624 h 6350"/>
                <a:gd name="T56" fmla="*/ 2807 w 5292"/>
                <a:gd name="T57" fmla="*/ 2569 h 6350"/>
                <a:gd name="T58" fmla="*/ 2735 w 5292"/>
                <a:gd name="T59" fmla="*/ 2500 h 6350"/>
                <a:gd name="T60" fmla="*/ 2675 w 5292"/>
                <a:gd name="T61" fmla="*/ 2402 h 6350"/>
                <a:gd name="T62" fmla="*/ 2648 w 5292"/>
                <a:gd name="T63" fmla="*/ 2289 h 6350"/>
                <a:gd name="T64" fmla="*/ 3175 w 5292"/>
                <a:gd name="T65" fmla="*/ 2117 h 6350"/>
                <a:gd name="T66" fmla="*/ 4686 w 5292"/>
                <a:gd name="T67" fmla="*/ 2014 h 6350"/>
                <a:gd name="T68" fmla="*/ 3345 w 5292"/>
                <a:gd name="T69" fmla="*/ 653 h 6350"/>
                <a:gd name="T70" fmla="*/ 3231 w 5292"/>
                <a:gd name="T71" fmla="*/ 584 h 6350"/>
                <a:gd name="T72" fmla="*/ 5292 w 5292"/>
                <a:gd name="T73" fmla="*/ 5953 h 6350"/>
                <a:gd name="T74" fmla="*/ 5275 w 5292"/>
                <a:gd name="T75" fmla="*/ 6070 h 6350"/>
                <a:gd name="T76" fmla="*/ 5227 w 5292"/>
                <a:gd name="T77" fmla="*/ 6173 h 6350"/>
                <a:gd name="T78" fmla="*/ 5162 w 5292"/>
                <a:gd name="T79" fmla="*/ 6249 h 6350"/>
                <a:gd name="T80" fmla="*/ 5066 w 5292"/>
                <a:gd name="T81" fmla="*/ 6314 h 6350"/>
                <a:gd name="T82" fmla="*/ 4955 w 5292"/>
                <a:gd name="T83" fmla="*/ 6346 h 6350"/>
                <a:gd name="T84" fmla="*/ 376 w 5292"/>
                <a:gd name="T85" fmla="*/ 6350 h 6350"/>
                <a:gd name="T86" fmla="*/ 262 w 5292"/>
                <a:gd name="T87" fmla="*/ 6328 h 6350"/>
                <a:gd name="T88" fmla="*/ 161 w 5292"/>
                <a:gd name="T89" fmla="*/ 6274 h 6350"/>
                <a:gd name="T90" fmla="*/ 89 w 5292"/>
                <a:gd name="T91" fmla="*/ 6204 h 6350"/>
                <a:gd name="T92" fmla="*/ 29 w 5292"/>
                <a:gd name="T93" fmla="*/ 6106 h 6350"/>
                <a:gd name="T94" fmla="*/ 2 w 5292"/>
                <a:gd name="T95" fmla="*/ 5994 h 6350"/>
                <a:gd name="T96" fmla="*/ 2 w 5292"/>
                <a:gd name="T97" fmla="*/ 356 h 6350"/>
                <a:gd name="T98" fmla="*/ 29 w 5292"/>
                <a:gd name="T99" fmla="*/ 244 h 6350"/>
                <a:gd name="T100" fmla="*/ 89 w 5292"/>
                <a:gd name="T101" fmla="*/ 146 h 6350"/>
                <a:gd name="T102" fmla="*/ 161 w 5292"/>
                <a:gd name="T103" fmla="*/ 76 h 6350"/>
                <a:gd name="T104" fmla="*/ 262 w 5292"/>
                <a:gd name="T105" fmla="*/ 22 h 6350"/>
                <a:gd name="T106" fmla="*/ 376 w 5292"/>
                <a:gd name="T107" fmla="*/ 0 h 6350"/>
                <a:gd name="T108" fmla="*/ 3128 w 5292"/>
                <a:gd name="T109" fmla="*/ 5 h 6350"/>
                <a:gd name="T110" fmla="*/ 3407 w 5292"/>
                <a:gd name="T111" fmla="*/ 83 h 6350"/>
                <a:gd name="T112" fmla="*/ 3623 w 5292"/>
                <a:gd name="T113" fmla="*/ 198 h 6350"/>
                <a:gd name="T114" fmla="*/ 5011 w 5292"/>
                <a:gd name="T115" fmla="*/ 1571 h 6350"/>
                <a:gd name="T116" fmla="*/ 5143 w 5292"/>
                <a:gd name="T117" fmla="*/ 1748 h 6350"/>
                <a:gd name="T118" fmla="*/ 5245 w 5292"/>
                <a:gd name="T119" fmla="*/ 1982 h 6350"/>
                <a:gd name="T120" fmla="*/ 5292 w 5292"/>
                <a:gd name="T121" fmla="*/ 2228 h 63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5292" h="6350">
                  <a:moveTo>
                    <a:pt x="4234" y="4366"/>
                  </a:moveTo>
                  <a:lnTo>
                    <a:pt x="4234" y="4630"/>
                  </a:lnTo>
                  <a:lnTo>
                    <a:pt x="4234" y="4630"/>
                  </a:lnTo>
                  <a:lnTo>
                    <a:pt x="4233" y="4645"/>
                  </a:lnTo>
                  <a:lnTo>
                    <a:pt x="4231" y="4658"/>
                  </a:lnTo>
                  <a:lnTo>
                    <a:pt x="4228" y="4671"/>
                  </a:lnTo>
                  <a:lnTo>
                    <a:pt x="4224" y="4683"/>
                  </a:lnTo>
                  <a:lnTo>
                    <a:pt x="4219" y="4694"/>
                  </a:lnTo>
                  <a:lnTo>
                    <a:pt x="4213" y="4706"/>
                  </a:lnTo>
                  <a:lnTo>
                    <a:pt x="4205" y="4716"/>
                  </a:lnTo>
                  <a:lnTo>
                    <a:pt x="4196" y="4725"/>
                  </a:lnTo>
                  <a:lnTo>
                    <a:pt x="4196" y="4725"/>
                  </a:lnTo>
                  <a:lnTo>
                    <a:pt x="4187" y="4734"/>
                  </a:lnTo>
                  <a:lnTo>
                    <a:pt x="4177" y="4742"/>
                  </a:lnTo>
                  <a:lnTo>
                    <a:pt x="4165" y="4748"/>
                  </a:lnTo>
                  <a:lnTo>
                    <a:pt x="4154" y="4753"/>
                  </a:lnTo>
                  <a:lnTo>
                    <a:pt x="4142" y="4757"/>
                  </a:lnTo>
                  <a:lnTo>
                    <a:pt x="4129" y="4760"/>
                  </a:lnTo>
                  <a:lnTo>
                    <a:pt x="4116" y="4762"/>
                  </a:lnTo>
                  <a:lnTo>
                    <a:pt x="4101" y="4763"/>
                  </a:lnTo>
                  <a:lnTo>
                    <a:pt x="1191" y="4763"/>
                  </a:lnTo>
                  <a:lnTo>
                    <a:pt x="1191" y="4763"/>
                  </a:lnTo>
                  <a:lnTo>
                    <a:pt x="1176" y="4762"/>
                  </a:lnTo>
                  <a:lnTo>
                    <a:pt x="1163" y="4760"/>
                  </a:lnTo>
                  <a:lnTo>
                    <a:pt x="1150" y="4757"/>
                  </a:lnTo>
                  <a:lnTo>
                    <a:pt x="1138" y="4753"/>
                  </a:lnTo>
                  <a:lnTo>
                    <a:pt x="1127" y="4748"/>
                  </a:lnTo>
                  <a:lnTo>
                    <a:pt x="1115" y="4742"/>
                  </a:lnTo>
                  <a:lnTo>
                    <a:pt x="1105" y="4734"/>
                  </a:lnTo>
                  <a:lnTo>
                    <a:pt x="1096" y="4725"/>
                  </a:lnTo>
                  <a:lnTo>
                    <a:pt x="1096" y="4725"/>
                  </a:lnTo>
                  <a:lnTo>
                    <a:pt x="1087" y="4716"/>
                  </a:lnTo>
                  <a:lnTo>
                    <a:pt x="1079" y="4706"/>
                  </a:lnTo>
                  <a:lnTo>
                    <a:pt x="1073" y="4694"/>
                  </a:lnTo>
                  <a:lnTo>
                    <a:pt x="1068" y="4683"/>
                  </a:lnTo>
                  <a:lnTo>
                    <a:pt x="1064" y="4671"/>
                  </a:lnTo>
                  <a:lnTo>
                    <a:pt x="1061" y="4658"/>
                  </a:lnTo>
                  <a:lnTo>
                    <a:pt x="1059" y="4645"/>
                  </a:lnTo>
                  <a:lnTo>
                    <a:pt x="1058" y="4630"/>
                  </a:lnTo>
                  <a:lnTo>
                    <a:pt x="1058" y="4366"/>
                  </a:lnTo>
                  <a:lnTo>
                    <a:pt x="1058" y="4366"/>
                  </a:lnTo>
                  <a:lnTo>
                    <a:pt x="1059" y="4351"/>
                  </a:lnTo>
                  <a:lnTo>
                    <a:pt x="1061" y="4338"/>
                  </a:lnTo>
                  <a:lnTo>
                    <a:pt x="1064" y="4325"/>
                  </a:lnTo>
                  <a:lnTo>
                    <a:pt x="1068" y="4313"/>
                  </a:lnTo>
                  <a:lnTo>
                    <a:pt x="1073" y="4302"/>
                  </a:lnTo>
                  <a:lnTo>
                    <a:pt x="1079" y="4290"/>
                  </a:lnTo>
                  <a:lnTo>
                    <a:pt x="1087" y="4280"/>
                  </a:lnTo>
                  <a:lnTo>
                    <a:pt x="1096" y="4271"/>
                  </a:lnTo>
                  <a:lnTo>
                    <a:pt x="1096" y="4271"/>
                  </a:lnTo>
                  <a:lnTo>
                    <a:pt x="1105" y="4262"/>
                  </a:lnTo>
                  <a:lnTo>
                    <a:pt x="1115" y="4254"/>
                  </a:lnTo>
                  <a:lnTo>
                    <a:pt x="1127" y="4248"/>
                  </a:lnTo>
                  <a:lnTo>
                    <a:pt x="1138" y="4243"/>
                  </a:lnTo>
                  <a:lnTo>
                    <a:pt x="1150" y="4239"/>
                  </a:lnTo>
                  <a:lnTo>
                    <a:pt x="1163" y="4235"/>
                  </a:lnTo>
                  <a:lnTo>
                    <a:pt x="1176" y="4234"/>
                  </a:lnTo>
                  <a:lnTo>
                    <a:pt x="1191" y="4233"/>
                  </a:lnTo>
                  <a:lnTo>
                    <a:pt x="4101" y="4233"/>
                  </a:lnTo>
                  <a:lnTo>
                    <a:pt x="4101" y="4233"/>
                  </a:lnTo>
                  <a:lnTo>
                    <a:pt x="4116" y="4234"/>
                  </a:lnTo>
                  <a:lnTo>
                    <a:pt x="4129" y="4235"/>
                  </a:lnTo>
                  <a:lnTo>
                    <a:pt x="4142" y="4239"/>
                  </a:lnTo>
                  <a:lnTo>
                    <a:pt x="4154" y="4243"/>
                  </a:lnTo>
                  <a:lnTo>
                    <a:pt x="4165" y="4248"/>
                  </a:lnTo>
                  <a:lnTo>
                    <a:pt x="4177" y="4254"/>
                  </a:lnTo>
                  <a:lnTo>
                    <a:pt x="4187" y="4262"/>
                  </a:lnTo>
                  <a:lnTo>
                    <a:pt x="4196" y="4271"/>
                  </a:lnTo>
                  <a:lnTo>
                    <a:pt x="4196" y="4271"/>
                  </a:lnTo>
                  <a:lnTo>
                    <a:pt x="4205" y="4280"/>
                  </a:lnTo>
                  <a:lnTo>
                    <a:pt x="4213" y="4290"/>
                  </a:lnTo>
                  <a:lnTo>
                    <a:pt x="4219" y="4302"/>
                  </a:lnTo>
                  <a:lnTo>
                    <a:pt x="4224" y="4313"/>
                  </a:lnTo>
                  <a:lnTo>
                    <a:pt x="4228" y="4325"/>
                  </a:lnTo>
                  <a:lnTo>
                    <a:pt x="4231" y="4338"/>
                  </a:lnTo>
                  <a:lnTo>
                    <a:pt x="4233" y="4351"/>
                  </a:lnTo>
                  <a:lnTo>
                    <a:pt x="4234" y="4366"/>
                  </a:lnTo>
                  <a:lnTo>
                    <a:pt x="4234" y="4366"/>
                  </a:lnTo>
                  <a:close/>
                  <a:moveTo>
                    <a:pt x="4234" y="3307"/>
                  </a:moveTo>
                  <a:lnTo>
                    <a:pt x="4234" y="3572"/>
                  </a:lnTo>
                  <a:lnTo>
                    <a:pt x="4234" y="3572"/>
                  </a:lnTo>
                  <a:lnTo>
                    <a:pt x="4233" y="3586"/>
                  </a:lnTo>
                  <a:lnTo>
                    <a:pt x="4231" y="3600"/>
                  </a:lnTo>
                  <a:lnTo>
                    <a:pt x="4228" y="3612"/>
                  </a:lnTo>
                  <a:lnTo>
                    <a:pt x="4224" y="3625"/>
                  </a:lnTo>
                  <a:lnTo>
                    <a:pt x="4219" y="3636"/>
                  </a:lnTo>
                  <a:lnTo>
                    <a:pt x="4213" y="3647"/>
                  </a:lnTo>
                  <a:lnTo>
                    <a:pt x="4205" y="3658"/>
                  </a:lnTo>
                  <a:lnTo>
                    <a:pt x="4196" y="3667"/>
                  </a:lnTo>
                  <a:lnTo>
                    <a:pt x="4196" y="3667"/>
                  </a:lnTo>
                  <a:lnTo>
                    <a:pt x="4187" y="3675"/>
                  </a:lnTo>
                  <a:lnTo>
                    <a:pt x="4177" y="3684"/>
                  </a:lnTo>
                  <a:lnTo>
                    <a:pt x="4165" y="3690"/>
                  </a:lnTo>
                  <a:lnTo>
                    <a:pt x="4154" y="3695"/>
                  </a:lnTo>
                  <a:lnTo>
                    <a:pt x="4142" y="3699"/>
                  </a:lnTo>
                  <a:lnTo>
                    <a:pt x="4129" y="3702"/>
                  </a:lnTo>
                  <a:lnTo>
                    <a:pt x="4116" y="3703"/>
                  </a:lnTo>
                  <a:lnTo>
                    <a:pt x="4101" y="3704"/>
                  </a:lnTo>
                  <a:lnTo>
                    <a:pt x="1191" y="3704"/>
                  </a:lnTo>
                  <a:lnTo>
                    <a:pt x="1191" y="3704"/>
                  </a:lnTo>
                  <a:lnTo>
                    <a:pt x="1176" y="3703"/>
                  </a:lnTo>
                  <a:lnTo>
                    <a:pt x="1163" y="3702"/>
                  </a:lnTo>
                  <a:lnTo>
                    <a:pt x="1150" y="3699"/>
                  </a:lnTo>
                  <a:lnTo>
                    <a:pt x="1138" y="3695"/>
                  </a:lnTo>
                  <a:lnTo>
                    <a:pt x="1127" y="3690"/>
                  </a:lnTo>
                  <a:lnTo>
                    <a:pt x="1115" y="3684"/>
                  </a:lnTo>
                  <a:lnTo>
                    <a:pt x="1105" y="3675"/>
                  </a:lnTo>
                  <a:lnTo>
                    <a:pt x="1096" y="3667"/>
                  </a:lnTo>
                  <a:lnTo>
                    <a:pt x="1096" y="3667"/>
                  </a:lnTo>
                  <a:lnTo>
                    <a:pt x="1087" y="3658"/>
                  </a:lnTo>
                  <a:lnTo>
                    <a:pt x="1079" y="3647"/>
                  </a:lnTo>
                  <a:lnTo>
                    <a:pt x="1073" y="3636"/>
                  </a:lnTo>
                  <a:lnTo>
                    <a:pt x="1068" y="3625"/>
                  </a:lnTo>
                  <a:lnTo>
                    <a:pt x="1064" y="3612"/>
                  </a:lnTo>
                  <a:lnTo>
                    <a:pt x="1061" y="3600"/>
                  </a:lnTo>
                  <a:lnTo>
                    <a:pt x="1059" y="3586"/>
                  </a:lnTo>
                  <a:lnTo>
                    <a:pt x="1058" y="3572"/>
                  </a:lnTo>
                  <a:lnTo>
                    <a:pt x="1058" y="3307"/>
                  </a:lnTo>
                  <a:lnTo>
                    <a:pt x="1058" y="3307"/>
                  </a:lnTo>
                  <a:lnTo>
                    <a:pt x="1059" y="3293"/>
                  </a:lnTo>
                  <a:lnTo>
                    <a:pt x="1061" y="3279"/>
                  </a:lnTo>
                  <a:lnTo>
                    <a:pt x="1064" y="3267"/>
                  </a:lnTo>
                  <a:lnTo>
                    <a:pt x="1068" y="3255"/>
                  </a:lnTo>
                  <a:lnTo>
                    <a:pt x="1073" y="3243"/>
                  </a:lnTo>
                  <a:lnTo>
                    <a:pt x="1079" y="3232"/>
                  </a:lnTo>
                  <a:lnTo>
                    <a:pt x="1087" y="3222"/>
                  </a:lnTo>
                  <a:lnTo>
                    <a:pt x="1096" y="3212"/>
                  </a:lnTo>
                  <a:lnTo>
                    <a:pt x="1096" y="3212"/>
                  </a:lnTo>
                  <a:lnTo>
                    <a:pt x="1105" y="3204"/>
                  </a:lnTo>
                  <a:lnTo>
                    <a:pt x="1115" y="3196"/>
                  </a:lnTo>
                  <a:lnTo>
                    <a:pt x="1127" y="3189"/>
                  </a:lnTo>
                  <a:lnTo>
                    <a:pt x="1138" y="3184"/>
                  </a:lnTo>
                  <a:lnTo>
                    <a:pt x="1150" y="3180"/>
                  </a:lnTo>
                  <a:lnTo>
                    <a:pt x="1163" y="3177"/>
                  </a:lnTo>
                  <a:lnTo>
                    <a:pt x="1176" y="3176"/>
                  </a:lnTo>
                  <a:lnTo>
                    <a:pt x="1191" y="3175"/>
                  </a:lnTo>
                  <a:lnTo>
                    <a:pt x="4101" y="3175"/>
                  </a:lnTo>
                  <a:lnTo>
                    <a:pt x="4101" y="3175"/>
                  </a:lnTo>
                  <a:lnTo>
                    <a:pt x="4116" y="3176"/>
                  </a:lnTo>
                  <a:lnTo>
                    <a:pt x="4129" y="3177"/>
                  </a:lnTo>
                  <a:lnTo>
                    <a:pt x="4142" y="3180"/>
                  </a:lnTo>
                  <a:lnTo>
                    <a:pt x="4154" y="3184"/>
                  </a:lnTo>
                  <a:lnTo>
                    <a:pt x="4165" y="3189"/>
                  </a:lnTo>
                  <a:lnTo>
                    <a:pt x="4177" y="3196"/>
                  </a:lnTo>
                  <a:lnTo>
                    <a:pt x="4187" y="3204"/>
                  </a:lnTo>
                  <a:lnTo>
                    <a:pt x="4196" y="3212"/>
                  </a:lnTo>
                  <a:lnTo>
                    <a:pt x="4196" y="3212"/>
                  </a:lnTo>
                  <a:lnTo>
                    <a:pt x="4205" y="3222"/>
                  </a:lnTo>
                  <a:lnTo>
                    <a:pt x="4213" y="3232"/>
                  </a:lnTo>
                  <a:lnTo>
                    <a:pt x="4219" y="3243"/>
                  </a:lnTo>
                  <a:lnTo>
                    <a:pt x="4224" y="3255"/>
                  </a:lnTo>
                  <a:lnTo>
                    <a:pt x="4228" y="3267"/>
                  </a:lnTo>
                  <a:lnTo>
                    <a:pt x="4231" y="3279"/>
                  </a:lnTo>
                  <a:lnTo>
                    <a:pt x="4233" y="3293"/>
                  </a:lnTo>
                  <a:lnTo>
                    <a:pt x="4234" y="3307"/>
                  </a:lnTo>
                  <a:lnTo>
                    <a:pt x="4234" y="3307"/>
                  </a:lnTo>
                  <a:close/>
                  <a:moveTo>
                    <a:pt x="529" y="5821"/>
                  </a:moveTo>
                  <a:lnTo>
                    <a:pt x="4763" y="5821"/>
                  </a:lnTo>
                  <a:lnTo>
                    <a:pt x="4763" y="2646"/>
                  </a:lnTo>
                  <a:lnTo>
                    <a:pt x="3043" y="2646"/>
                  </a:lnTo>
                  <a:lnTo>
                    <a:pt x="3043" y="2646"/>
                  </a:lnTo>
                  <a:lnTo>
                    <a:pt x="3022" y="2646"/>
                  </a:lnTo>
                  <a:lnTo>
                    <a:pt x="3003" y="2644"/>
                  </a:lnTo>
                  <a:lnTo>
                    <a:pt x="2983" y="2642"/>
                  </a:lnTo>
                  <a:lnTo>
                    <a:pt x="2963" y="2639"/>
                  </a:lnTo>
                  <a:lnTo>
                    <a:pt x="2945" y="2634"/>
                  </a:lnTo>
                  <a:lnTo>
                    <a:pt x="2926" y="2629"/>
                  </a:lnTo>
                  <a:lnTo>
                    <a:pt x="2907" y="2624"/>
                  </a:lnTo>
                  <a:lnTo>
                    <a:pt x="2890" y="2617"/>
                  </a:lnTo>
                  <a:lnTo>
                    <a:pt x="2872" y="2610"/>
                  </a:lnTo>
                  <a:lnTo>
                    <a:pt x="2856" y="2600"/>
                  </a:lnTo>
                  <a:lnTo>
                    <a:pt x="2839" y="2591"/>
                  </a:lnTo>
                  <a:lnTo>
                    <a:pt x="2823" y="2581"/>
                  </a:lnTo>
                  <a:lnTo>
                    <a:pt x="2807" y="2569"/>
                  </a:lnTo>
                  <a:lnTo>
                    <a:pt x="2792" y="2557"/>
                  </a:lnTo>
                  <a:lnTo>
                    <a:pt x="2776" y="2545"/>
                  </a:lnTo>
                  <a:lnTo>
                    <a:pt x="2762" y="2530"/>
                  </a:lnTo>
                  <a:lnTo>
                    <a:pt x="2762" y="2530"/>
                  </a:lnTo>
                  <a:lnTo>
                    <a:pt x="2747" y="2516"/>
                  </a:lnTo>
                  <a:lnTo>
                    <a:pt x="2735" y="2500"/>
                  </a:lnTo>
                  <a:lnTo>
                    <a:pt x="2722" y="2485"/>
                  </a:lnTo>
                  <a:lnTo>
                    <a:pt x="2711" y="2469"/>
                  </a:lnTo>
                  <a:lnTo>
                    <a:pt x="2701" y="2453"/>
                  </a:lnTo>
                  <a:lnTo>
                    <a:pt x="2691" y="2436"/>
                  </a:lnTo>
                  <a:lnTo>
                    <a:pt x="2682" y="2419"/>
                  </a:lnTo>
                  <a:lnTo>
                    <a:pt x="2675" y="2402"/>
                  </a:lnTo>
                  <a:lnTo>
                    <a:pt x="2668" y="2384"/>
                  </a:lnTo>
                  <a:lnTo>
                    <a:pt x="2663" y="2366"/>
                  </a:lnTo>
                  <a:lnTo>
                    <a:pt x="2657" y="2347"/>
                  </a:lnTo>
                  <a:lnTo>
                    <a:pt x="2653" y="2329"/>
                  </a:lnTo>
                  <a:lnTo>
                    <a:pt x="2650" y="2309"/>
                  </a:lnTo>
                  <a:lnTo>
                    <a:pt x="2648" y="2289"/>
                  </a:lnTo>
                  <a:lnTo>
                    <a:pt x="2646" y="2270"/>
                  </a:lnTo>
                  <a:lnTo>
                    <a:pt x="2646" y="2249"/>
                  </a:lnTo>
                  <a:lnTo>
                    <a:pt x="2646" y="529"/>
                  </a:lnTo>
                  <a:lnTo>
                    <a:pt x="529" y="529"/>
                  </a:lnTo>
                  <a:lnTo>
                    <a:pt x="529" y="5821"/>
                  </a:lnTo>
                  <a:close/>
                  <a:moveTo>
                    <a:pt x="3175" y="2117"/>
                  </a:moveTo>
                  <a:lnTo>
                    <a:pt x="4730" y="2117"/>
                  </a:lnTo>
                  <a:lnTo>
                    <a:pt x="4730" y="2117"/>
                  </a:lnTo>
                  <a:lnTo>
                    <a:pt x="4719" y="2088"/>
                  </a:lnTo>
                  <a:lnTo>
                    <a:pt x="4708" y="2061"/>
                  </a:lnTo>
                  <a:lnTo>
                    <a:pt x="4698" y="2037"/>
                  </a:lnTo>
                  <a:lnTo>
                    <a:pt x="4686" y="2014"/>
                  </a:lnTo>
                  <a:lnTo>
                    <a:pt x="4675" y="1995"/>
                  </a:lnTo>
                  <a:lnTo>
                    <a:pt x="4662" y="1976"/>
                  </a:lnTo>
                  <a:lnTo>
                    <a:pt x="4651" y="1961"/>
                  </a:lnTo>
                  <a:lnTo>
                    <a:pt x="4639" y="1947"/>
                  </a:lnTo>
                  <a:lnTo>
                    <a:pt x="3345" y="653"/>
                  </a:lnTo>
                  <a:lnTo>
                    <a:pt x="3345" y="653"/>
                  </a:lnTo>
                  <a:lnTo>
                    <a:pt x="3331" y="641"/>
                  </a:lnTo>
                  <a:lnTo>
                    <a:pt x="3316" y="629"/>
                  </a:lnTo>
                  <a:lnTo>
                    <a:pt x="3297" y="617"/>
                  </a:lnTo>
                  <a:lnTo>
                    <a:pt x="3278" y="606"/>
                  </a:lnTo>
                  <a:lnTo>
                    <a:pt x="3255" y="594"/>
                  </a:lnTo>
                  <a:lnTo>
                    <a:pt x="3231" y="584"/>
                  </a:lnTo>
                  <a:lnTo>
                    <a:pt x="3204" y="573"/>
                  </a:lnTo>
                  <a:lnTo>
                    <a:pt x="3175" y="562"/>
                  </a:lnTo>
                  <a:lnTo>
                    <a:pt x="3175" y="2117"/>
                  </a:lnTo>
                  <a:close/>
                  <a:moveTo>
                    <a:pt x="5292" y="2249"/>
                  </a:moveTo>
                  <a:lnTo>
                    <a:pt x="5292" y="5953"/>
                  </a:lnTo>
                  <a:lnTo>
                    <a:pt x="5292" y="5953"/>
                  </a:lnTo>
                  <a:lnTo>
                    <a:pt x="5292" y="5974"/>
                  </a:lnTo>
                  <a:lnTo>
                    <a:pt x="5290" y="5994"/>
                  </a:lnTo>
                  <a:lnTo>
                    <a:pt x="5288" y="6013"/>
                  </a:lnTo>
                  <a:lnTo>
                    <a:pt x="5285" y="6033"/>
                  </a:lnTo>
                  <a:lnTo>
                    <a:pt x="5281" y="6051"/>
                  </a:lnTo>
                  <a:lnTo>
                    <a:pt x="5275" y="6070"/>
                  </a:lnTo>
                  <a:lnTo>
                    <a:pt x="5270" y="6089"/>
                  </a:lnTo>
                  <a:lnTo>
                    <a:pt x="5263" y="6106"/>
                  </a:lnTo>
                  <a:lnTo>
                    <a:pt x="5256" y="6124"/>
                  </a:lnTo>
                  <a:lnTo>
                    <a:pt x="5246" y="6140"/>
                  </a:lnTo>
                  <a:lnTo>
                    <a:pt x="5237" y="6157"/>
                  </a:lnTo>
                  <a:lnTo>
                    <a:pt x="5227" y="6173"/>
                  </a:lnTo>
                  <a:lnTo>
                    <a:pt x="5215" y="6189"/>
                  </a:lnTo>
                  <a:lnTo>
                    <a:pt x="5203" y="6204"/>
                  </a:lnTo>
                  <a:lnTo>
                    <a:pt x="5191" y="6220"/>
                  </a:lnTo>
                  <a:lnTo>
                    <a:pt x="5176" y="6234"/>
                  </a:lnTo>
                  <a:lnTo>
                    <a:pt x="5176" y="6234"/>
                  </a:lnTo>
                  <a:lnTo>
                    <a:pt x="5162" y="6249"/>
                  </a:lnTo>
                  <a:lnTo>
                    <a:pt x="5146" y="6261"/>
                  </a:lnTo>
                  <a:lnTo>
                    <a:pt x="5131" y="6274"/>
                  </a:lnTo>
                  <a:lnTo>
                    <a:pt x="5115" y="6285"/>
                  </a:lnTo>
                  <a:lnTo>
                    <a:pt x="5099" y="6295"/>
                  </a:lnTo>
                  <a:lnTo>
                    <a:pt x="5082" y="6305"/>
                  </a:lnTo>
                  <a:lnTo>
                    <a:pt x="5066" y="6314"/>
                  </a:lnTo>
                  <a:lnTo>
                    <a:pt x="5048" y="6321"/>
                  </a:lnTo>
                  <a:lnTo>
                    <a:pt x="5030" y="6328"/>
                  </a:lnTo>
                  <a:lnTo>
                    <a:pt x="5012" y="6334"/>
                  </a:lnTo>
                  <a:lnTo>
                    <a:pt x="4993" y="6339"/>
                  </a:lnTo>
                  <a:lnTo>
                    <a:pt x="4975" y="6343"/>
                  </a:lnTo>
                  <a:lnTo>
                    <a:pt x="4955" y="6346"/>
                  </a:lnTo>
                  <a:lnTo>
                    <a:pt x="4935" y="6348"/>
                  </a:lnTo>
                  <a:lnTo>
                    <a:pt x="4916" y="6350"/>
                  </a:lnTo>
                  <a:lnTo>
                    <a:pt x="4895" y="6350"/>
                  </a:lnTo>
                  <a:lnTo>
                    <a:pt x="397" y="6350"/>
                  </a:lnTo>
                  <a:lnTo>
                    <a:pt x="397" y="6350"/>
                  </a:lnTo>
                  <a:lnTo>
                    <a:pt x="376" y="6350"/>
                  </a:lnTo>
                  <a:lnTo>
                    <a:pt x="357" y="6348"/>
                  </a:lnTo>
                  <a:lnTo>
                    <a:pt x="337" y="6346"/>
                  </a:lnTo>
                  <a:lnTo>
                    <a:pt x="317" y="6343"/>
                  </a:lnTo>
                  <a:lnTo>
                    <a:pt x="299" y="6339"/>
                  </a:lnTo>
                  <a:lnTo>
                    <a:pt x="280" y="6334"/>
                  </a:lnTo>
                  <a:lnTo>
                    <a:pt x="262" y="6328"/>
                  </a:lnTo>
                  <a:lnTo>
                    <a:pt x="244" y="6321"/>
                  </a:lnTo>
                  <a:lnTo>
                    <a:pt x="226" y="6314"/>
                  </a:lnTo>
                  <a:lnTo>
                    <a:pt x="210" y="6305"/>
                  </a:lnTo>
                  <a:lnTo>
                    <a:pt x="193" y="6295"/>
                  </a:lnTo>
                  <a:lnTo>
                    <a:pt x="177" y="6285"/>
                  </a:lnTo>
                  <a:lnTo>
                    <a:pt x="161" y="6274"/>
                  </a:lnTo>
                  <a:lnTo>
                    <a:pt x="146" y="6261"/>
                  </a:lnTo>
                  <a:lnTo>
                    <a:pt x="130" y="6249"/>
                  </a:lnTo>
                  <a:lnTo>
                    <a:pt x="116" y="6234"/>
                  </a:lnTo>
                  <a:lnTo>
                    <a:pt x="116" y="6234"/>
                  </a:lnTo>
                  <a:lnTo>
                    <a:pt x="101" y="6220"/>
                  </a:lnTo>
                  <a:lnTo>
                    <a:pt x="89" y="6204"/>
                  </a:lnTo>
                  <a:lnTo>
                    <a:pt x="77" y="6189"/>
                  </a:lnTo>
                  <a:lnTo>
                    <a:pt x="65" y="6173"/>
                  </a:lnTo>
                  <a:lnTo>
                    <a:pt x="55" y="6157"/>
                  </a:lnTo>
                  <a:lnTo>
                    <a:pt x="46" y="6140"/>
                  </a:lnTo>
                  <a:lnTo>
                    <a:pt x="36" y="6124"/>
                  </a:lnTo>
                  <a:lnTo>
                    <a:pt x="29" y="6106"/>
                  </a:lnTo>
                  <a:lnTo>
                    <a:pt x="22" y="6089"/>
                  </a:lnTo>
                  <a:lnTo>
                    <a:pt x="17" y="6070"/>
                  </a:lnTo>
                  <a:lnTo>
                    <a:pt x="11" y="6051"/>
                  </a:lnTo>
                  <a:lnTo>
                    <a:pt x="7" y="6033"/>
                  </a:lnTo>
                  <a:lnTo>
                    <a:pt x="4" y="6013"/>
                  </a:lnTo>
                  <a:lnTo>
                    <a:pt x="2" y="5994"/>
                  </a:lnTo>
                  <a:lnTo>
                    <a:pt x="0" y="5974"/>
                  </a:lnTo>
                  <a:lnTo>
                    <a:pt x="0" y="5953"/>
                  </a:lnTo>
                  <a:lnTo>
                    <a:pt x="0" y="397"/>
                  </a:lnTo>
                  <a:lnTo>
                    <a:pt x="0" y="397"/>
                  </a:lnTo>
                  <a:lnTo>
                    <a:pt x="0" y="376"/>
                  </a:lnTo>
                  <a:lnTo>
                    <a:pt x="2" y="356"/>
                  </a:lnTo>
                  <a:lnTo>
                    <a:pt x="4" y="337"/>
                  </a:lnTo>
                  <a:lnTo>
                    <a:pt x="7" y="317"/>
                  </a:lnTo>
                  <a:lnTo>
                    <a:pt x="11" y="299"/>
                  </a:lnTo>
                  <a:lnTo>
                    <a:pt x="17" y="280"/>
                  </a:lnTo>
                  <a:lnTo>
                    <a:pt x="22" y="261"/>
                  </a:lnTo>
                  <a:lnTo>
                    <a:pt x="29" y="244"/>
                  </a:lnTo>
                  <a:lnTo>
                    <a:pt x="36" y="226"/>
                  </a:lnTo>
                  <a:lnTo>
                    <a:pt x="46" y="210"/>
                  </a:lnTo>
                  <a:lnTo>
                    <a:pt x="55" y="193"/>
                  </a:lnTo>
                  <a:lnTo>
                    <a:pt x="65" y="177"/>
                  </a:lnTo>
                  <a:lnTo>
                    <a:pt x="77" y="161"/>
                  </a:lnTo>
                  <a:lnTo>
                    <a:pt x="89" y="146"/>
                  </a:lnTo>
                  <a:lnTo>
                    <a:pt x="101" y="130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30" y="101"/>
                  </a:lnTo>
                  <a:lnTo>
                    <a:pt x="146" y="89"/>
                  </a:lnTo>
                  <a:lnTo>
                    <a:pt x="161" y="76"/>
                  </a:lnTo>
                  <a:lnTo>
                    <a:pt x="177" y="65"/>
                  </a:lnTo>
                  <a:lnTo>
                    <a:pt x="193" y="55"/>
                  </a:lnTo>
                  <a:lnTo>
                    <a:pt x="210" y="45"/>
                  </a:lnTo>
                  <a:lnTo>
                    <a:pt x="226" y="36"/>
                  </a:lnTo>
                  <a:lnTo>
                    <a:pt x="244" y="29"/>
                  </a:lnTo>
                  <a:lnTo>
                    <a:pt x="262" y="22"/>
                  </a:lnTo>
                  <a:lnTo>
                    <a:pt x="280" y="16"/>
                  </a:lnTo>
                  <a:lnTo>
                    <a:pt x="299" y="11"/>
                  </a:lnTo>
                  <a:lnTo>
                    <a:pt x="317" y="7"/>
                  </a:lnTo>
                  <a:lnTo>
                    <a:pt x="337" y="4"/>
                  </a:lnTo>
                  <a:lnTo>
                    <a:pt x="357" y="2"/>
                  </a:lnTo>
                  <a:lnTo>
                    <a:pt x="376" y="0"/>
                  </a:lnTo>
                  <a:lnTo>
                    <a:pt x="397" y="0"/>
                  </a:lnTo>
                  <a:lnTo>
                    <a:pt x="3043" y="0"/>
                  </a:lnTo>
                  <a:lnTo>
                    <a:pt x="3043" y="0"/>
                  </a:lnTo>
                  <a:lnTo>
                    <a:pt x="3064" y="0"/>
                  </a:lnTo>
                  <a:lnTo>
                    <a:pt x="3085" y="1"/>
                  </a:lnTo>
                  <a:lnTo>
                    <a:pt x="3128" y="5"/>
                  </a:lnTo>
                  <a:lnTo>
                    <a:pt x="3172" y="11"/>
                  </a:lnTo>
                  <a:lnTo>
                    <a:pt x="3217" y="21"/>
                  </a:lnTo>
                  <a:lnTo>
                    <a:pt x="3263" y="32"/>
                  </a:lnTo>
                  <a:lnTo>
                    <a:pt x="3310" y="46"/>
                  </a:lnTo>
                  <a:lnTo>
                    <a:pt x="3358" y="63"/>
                  </a:lnTo>
                  <a:lnTo>
                    <a:pt x="3407" y="83"/>
                  </a:lnTo>
                  <a:lnTo>
                    <a:pt x="3407" y="83"/>
                  </a:lnTo>
                  <a:lnTo>
                    <a:pt x="3455" y="103"/>
                  </a:lnTo>
                  <a:lnTo>
                    <a:pt x="3501" y="126"/>
                  </a:lnTo>
                  <a:lnTo>
                    <a:pt x="3544" y="149"/>
                  </a:lnTo>
                  <a:lnTo>
                    <a:pt x="3584" y="174"/>
                  </a:lnTo>
                  <a:lnTo>
                    <a:pt x="3623" y="198"/>
                  </a:lnTo>
                  <a:lnTo>
                    <a:pt x="3658" y="225"/>
                  </a:lnTo>
                  <a:lnTo>
                    <a:pt x="3691" y="252"/>
                  </a:lnTo>
                  <a:lnTo>
                    <a:pt x="3706" y="267"/>
                  </a:lnTo>
                  <a:lnTo>
                    <a:pt x="3721" y="281"/>
                  </a:lnTo>
                  <a:lnTo>
                    <a:pt x="5011" y="1571"/>
                  </a:lnTo>
                  <a:lnTo>
                    <a:pt x="5011" y="1571"/>
                  </a:lnTo>
                  <a:lnTo>
                    <a:pt x="5025" y="1585"/>
                  </a:lnTo>
                  <a:lnTo>
                    <a:pt x="5040" y="1601"/>
                  </a:lnTo>
                  <a:lnTo>
                    <a:pt x="5067" y="1634"/>
                  </a:lnTo>
                  <a:lnTo>
                    <a:pt x="5093" y="1669"/>
                  </a:lnTo>
                  <a:lnTo>
                    <a:pt x="5118" y="1707"/>
                  </a:lnTo>
                  <a:lnTo>
                    <a:pt x="5143" y="1748"/>
                  </a:lnTo>
                  <a:lnTo>
                    <a:pt x="5166" y="1791"/>
                  </a:lnTo>
                  <a:lnTo>
                    <a:pt x="5189" y="1837"/>
                  </a:lnTo>
                  <a:lnTo>
                    <a:pt x="5209" y="1885"/>
                  </a:lnTo>
                  <a:lnTo>
                    <a:pt x="5209" y="1885"/>
                  </a:lnTo>
                  <a:lnTo>
                    <a:pt x="5229" y="1934"/>
                  </a:lnTo>
                  <a:lnTo>
                    <a:pt x="5245" y="1982"/>
                  </a:lnTo>
                  <a:lnTo>
                    <a:pt x="5260" y="2029"/>
                  </a:lnTo>
                  <a:lnTo>
                    <a:pt x="5271" y="2075"/>
                  </a:lnTo>
                  <a:lnTo>
                    <a:pt x="5281" y="2120"/>
                  </a:lnTo>
                  <a:lnTo>
                    <a:pt x="5287" y="2164"/>
                  </a:lnTo>
                  <a:lnTo>
                    <a:pt x="5291" y="2207"/>
                  </a:lnTo>
                  <a:lnTo>
                    <a:pt x="5292" y="2228"/>
                  </a:lnTo>
                  <a:lnTo>
                    <a:pt x="5292" y="2249"/>
                  </a:lnTo>
                  <a:lnTo>
                    <a:pt x="5292" y="2249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26" name="Group 92"/>
          <p:cNvGrpSpPr>
            <a:grpSpLocks noChangeAspect="1"/>
          </p:cNvGrpSpPr>
          <p:nvPr/>
        </p:nvGrpSpPr>
        <p:grpSpPr bwMode="auto">
          <a:xfrm>
            <a:off x="596466" y="5449823"/>
            <a:ext cx="704850" cy="720725"/>
            <a:chOff x="3232" y="1785"/>
            <a:chExt cx="444" cy="454"/>
          </a:xfrm>
        </p:grpSpPr>
        <p:sp>
          <p:nvSpPr>
            <p:cNvPr id="27" name="Freeform 93"/>
            <p:cNvSpPr>
              <a:spLocks/>
            </p:cNvSpPr>
            <p:nvPr/>
          </p:nvSpPr>
          <p:spPr bwMode="auto">
            <a:xfrm>
              <a:off x="3232" y="1785"/>
              <a:ext cx="444" cy="454"/>
            </a:xfrm>
            <a:custGeom>
              <a:avLst/>
              <a:gdLst>
                <a:gd name="T0" fmla="*/ 15066 w 15096"/>
                <a:gd name="T1" fmla="*/ 8410 h 15436"/>
                <a:gd name="T2" fmla="*/ 14943 w 15096"/>
                <a:gd name="T3" fmla="*/ 9274 h 15436"/>
                <a:gd name="T4" fmla="*/ 14729 w 15096"/>
                <a:gd name="T5" fmla="*/ 10103 h 15436"/>
                <a:gd name="T6" fmla="*/ 14429 w 15096"/>
                <a:gd name="T7" fmla="*/ 10894 h 15436"/>
                <a:gd name="T8" fmla="*/ 14050 w 15096"/>
                <a:gd name="T9" fmla="*/ 11640 h 15436"/>
                <a:gd name="T10" fmla="*/ 13597 w 15096"/>
                <a:gd name="T11" fmla="*/ 12335 h 15436"/>
                <a:gd name="T12" fmla="*/ 13074 w 15096"/>
                <a:gd name="T13" fmla="*/ 12975 h 15436"/>
                <a:gd name="T14" fmla="*/ 12488 w 15096"/>
                <a:gd name="T15" fmla="*/ 13554 h 15436"/>
                <a:gd name="T16" fmla="*/ 11844 w 15096"/>
                <a:gd name="T17" fmla="*/ 14065 h 15436"/>
                <a:gd name="T18" fmla="*/ 11146 w 15096"/>
                <a:gd name="T19" fmla="*/ 14505 h 15436"/>
                <a:gd name="T20" fmla="*/ 10402 w 15096"/>
                <a:gd name="T21" fmla="*/ 14866 h 15436"/>
                <a:gd name="T22" fmla="*/ 9614 w 15096"/>
                <a:gd name="T23" fmla="*/ 15143 h 15436"/>
                <a:gd name="T24" fmla="*/ 8791 w 15096"/>
                <a:gd name="T25" fmla="*/ 15332 h 15436"/>
                <a:gd name="T26" fmla="*/ 7937 w 15096"/>
                <a:gd name="T27" fmla="*/ 15426 h 15436"/>
                <a:gd name="T28" fmla="*/ 7159 w 15096"/>
                <a:gd name="T29" fmla="*/ 15426 h 15436"/>
                <a:gd name="T30" fmla="*/ 6305 w 15096"/>
                <a:gd name="T31" fmla="*/ 15332 h 15436"/>
                <a:gd name="T32" fmla="*/ 5482 w 15096"/>
                <a:gd name="T33" fmla="*/ 15143 h 15436"/>
                <a:gd name="T34" fmla="*/ 4694 w 15096"/>
                <a:gd name="T35" fmla="*/ 14866 h 15436"/>
                <a:gd name="T36" fmla="*/ 3950 w 15096"/>
                <a:gd name="T37" fmla="*/ 14505 h 15436"/>
                <a:gd name="T38" fmla="*/ 3252 w 15096"/>
                <a:gd name="T39" fmla="*/ 14065 h 15436"/>
                <a:gd name="T40" fmla="*/ 2608 w 15096"/>
                <a:gd name="T41" fmla="*/ 13554 h 15436"/>
                <a:gd name="T42" fmla="*/ 2022 w 15096"/>
                <a:gd name="T43" fmla="*/ 12975 h 15436"/>
                <a:gd name="T44" fmla="*/ 1499 w 15096"/>
                <a:gd name="T45" fmla="*/ 12335 h 15436"/>
                <a:gd name="T46" fmla="*/ 1046 w 15096"/>
                <a:gd name="T47" fmla="*/ 11640 h 15436"/>
                <a:gd name="T48" fmla="*/ 667 w 15096"/>
                <a:gd name="T49" fmla="*/ 10894 h 15436"/>
                <a:gd name="T50" fmla="*/ 367 w 15096"/>
                <a:gd name="T51" fmla="*/ 10103 h 15436"/>
                <a:gd name="T52" fmla="*/ 153 w 15096"/>
                <a:gd name="T53" fmla="*/ 9274 h 15436"/>
                <a:gd name="T54" fmla="*/ 30 w 15096"/>
                <a:gd name="T55" fmla="*/ 8410 h 15436"/>
                <a:gd name="T56" fmla="*/ 1 w 15096"/>
                <a:gd name="T57" fmla="*/ 7619 h 15436"/>
                <a:gd name="T58" fmla="*/ 60 w 15096"/>
                <a:gd name="T59" fmla="*/ 6735 h 15436"/>
                <a:gd name="T60" fmla="*/ 215 w 15096"/>
                <a:gd name="T61" fmla="*/ 5882 h 15436"/>
                <a:gd name="T62" fmla="*/ 458 w 15096"/>
                <a:gd name="T63" fmla="*/ 5064 h 15436"/>
                <a:gd name="T64" fmla="*/ 784 w 15096"/>
                <a:gd name="T65" fmla="*/ 4288 h 15436"/>
                <a:gd name="T66" fmla="*/ 1189 w 15096"/>
                <a:gd name="T67" fmla="*/ 3558 h 15436"/>
                <a:gd name="T68" fmla="*/ 1666 w 15096"/>
                <a:gd name="T69" fmla="*/ 2880 h 15436"/>
                <a:gd name="T70" fmla="*/ 2211 w 15096"/>
                <a:gd name="T71" fmla="*/ 2260 h 15436"/>
                <a:gd name="T72" fmla="*/ 2817 w 15096"/>
                <a:gd name="T73" fmla="*/ 1704 h 15436"/>
                <a:gd name="T74" fmla="*/ 3479 w 15096"/>
                <a:gd name="T75" fmla="*/ 1216 h 15436"/>
                <a:gd name="T76" fmla="*/ 4193 w 15096"/>
                <a:gd name="T77" fmla="*/ 803 h 15436"/>
                <a:gd name="T78" fmla="*/ 4953 w 15096"/>
                <a:gd name="T79" fmla="*/ 469 h 15436"/>
                <a:gd name="T80" fmla="*/ 5752 w 15096"/>
                <a:gd name="T81" fmla="*/ 220 h 15436"/>
                <a:gd name="T82" fmla="*/ 6587 w 15096"/>
                <a:gd name="T83" fmla="*/ 62 h 15436"/>
                <a:gd name="T84" fmla="*/ 7451 w 15096"/>
                <a:gd name="T85" fmla="*/ 1 h 15436"/>
                <a:gd name="T86" fmla="*/ 8224 w 15096"/>
                <a:gd name="T87" fmla="*/ 31 h 15436"/>
                <a:gd name="T88" fmla="*/ 9069 w 15096"/>
                <a:gd name="T89" fmla="*/ 157 h 15436"/>
                <a:gd name="T90" fmla="*/ 9881 w 15096"/>
                <a:gd name="T91" fmla="*/ 376 h 15436"/>
                <a:gd name="T92" fmla="*/ 10654 w 15096"/>
                <a:gd name="T93" fmla="*/ 682 h 15436"/>
                <a:gd name="T94" fmla="*/ 11383 w 15096"/>
                <a:gd name="T95" fmla="*/ 1070 h 15436"/>
                <a:gd name="T96" fmla="*/ 12065 w 15096"/>
                <a:gd name="T97" fmla="*/ 1533 h 15436"/>
                <a:gd name="T98" fmla="*/ 12689 w 15096"/>
                <a:gd name="T99" fmla="*/ 2068 h 15436"/>
                <a:gd name="T100" fmla="*/ 13255 w 15096"/>
                <a:gd name="T101" fmla="*/ 2668 h 15436"/>
                <a:gd name="T102" fmla="*/ 13755 w 15096"/>
                <a:gd name="T103" fmla="*/ 3326 h 15436"/>
                <a:gd name="T104" fmla="*/ 14185 w 15096"/>
                <a:gd name="T105" fmla="*/ 4039 h 15436"/>
                <a:gd name="T106" fmla="*/ 14539 w 15096"/>
                <a:gd name="T107" fmla="*/ 4801 h 15436"/>
                <a:gd name="T108" fmla="*/ 14810 w 15096"/>
                <a:gd name="T109" fmla="*/ 5605 h 15436"/>
                <a:gd name="T110" fmla="*/ 14994 w 15096"/>
                <a:gd name="T111" fmla="*/ 6447 h 15436"/>
                <a:gd name="T112" fmla="*/ 15086 w 15096"/>
                <a:gd name="T113" fmla="*/ 7321 h 154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15096" h="15436">
                  <a:moveTo>
                    <a:pt x="15096" y="7718"/>
                  </a:moveTo>
                  <a:lnTo>
                    <a:pt x="15096" y="7718"/>
                  </a:lnTo>
                  <a:lnTo>
                    <a:pt x="15095" y="7817"/>
                  </a:lnTo>
                  <a:lnTo>
                    <a:pt x="15094" y="7918"/>
                  </a:lnTo>
                  <a:lnTo>
                    <a:pt x="15091" y="8016"/>
                  </a:lnTo>
                  <a:lnTo>
                    <a:pt x="15086" y="8115"/>
                  </a:lnTo>
                  <a:lnTo>
                    <a:pt x="15081" y="8213"/>
                  </a:lnTo>
                  <a:lnTo>
                    <a:pt x="15073" y="8312"/>
                  </a:lnTo>
                  <a:lnTo>
                    <a:pt x="15066" y="8410"/>
                  </a:lnTo>
                  <a:lnTo>
                    <a:pt x="15057" y="8507"/>
                  </a:lnTo>
                  <a:lnTo>
                    <a:pt x="15047" y="8604"/>
                  </a:lnTo>
                  <a:lnTo>
                    <a:pt x="15036" y="8701"/>
                  </a:lnTo>
                  <a:lnTo>
                    <a:pt x="15022" y="8797"/>
                  </a:lnTo>
                  <a:lnTo>
                    <a:pt x="15009" y="8893"/>
                  </a:lnTo>
                  <a:lnTo>
                    <a:pt x="14994" y="8989"/>
                  </a:lnTo>
                  <a:lnTo>
                    <a:pt x="14978" y="9085"/>
                  </a:lnTo>
                  <a:lnTo>
                    <a:pt x="14961" y="9179"/>
                  </a:lnTo>
                  <a:lnTo>
                    <a:pt x="14943" y="9274"/>
                  </a:lnTo>
                  <a:lnTo>
                    <a:pt x="14923" y="9367"/>
                  </a:lnTo>
                  <a:lnTo>
                    <a:pt x="14903" y="9461"/>
                  </a:lnTo>
                  <a:lnTo>
                    <a:pt x="14881" y="9554"/>
                  </a:lnTo>
                  <a:lnTo>
                    <a:pt x="14859" y="9646"/>
                  </a:lnTo>
                  <a:lnTo>
                    <a:pt x="14834" y="9739"/>
                  </a:lnTo>
                  <a:lnTo>
                    <a:pt x="14810" y="9831"/>
                  </a:lnTo>
                  <a:lnTo>
                    <a:pt x="14784" y="9922"/>
                  </a:lnTo>
                  <a:lnTo>
                    <a:pt x="14756" y="10013"/>
                  </a:lnTo>
                  <a:lnTo>
                    <a:pt x="14729" y="10103"/>
                  </a:lnTo>
                  <a:lnTo>
                    <a:pt x="14699" y="10193"/>
                  </a:lnTo>
                  <a:lnTo>
                    <a:pt x="14670" y="10283"/>
                  </a:lnTo>
                  <a:lnTo>
                    <a:pt x="14638" y="10372"/>
                  </a:lnTo>
                  <a:lnTo>
                    <a:pt x="14606" y="10460"/>
                  </a:lnTo>
                  <a:lnTo>
                    <a:pt x="14572" y="10548"/>
                  </a:lnTo>
                  <a:lnTo>
                    <a:pt x="14539" y="10635"/>
                  </a:lnTo>
                  <a:lnTo>
                    <a:pt x="14503" y="10722"/>
                  </a:lnTo>
                  <a:lnTo>
                    <a:pt x="14467" y="10808"/>
                  </a:lnTo>
                  <a:lnTo>
                    <a:pt x="14429" y="10894"/>
                  </a:lnTo>
                  <a:lnTo>
                    <a:pt x="14391" y="10979"/>
                  </a:lnTo>
                  <a:lnTo>
                    <a:pt x="14351" y="11064"/>
                  </a:lnTo>
                  <a:lnTo>
                    <a:pt x="14312" y="11148"/>
                  </a:lnTo>
                  <a:lnTo>
                    <a:pt x="14271" y="11232"/>
                  </a:lnTo>
                  <a:lnTo>
                    <a:pt x="14228" y="11315"/>
                  </a:lnTo>
                  <a:lnTo>
                    <a:pt x="14185" y="11397"/>
                  </a:lnTo>
                  <a:lnTo>
                    <a:pt x="14141" y="11479"/>
                  </a:lnTo>
                  <a:lnTo>
                    <a:pt x="14096" y="11560"/>
                  </a:lnTo>
                  <a:lnTo>
                    <a:pt x="14050" y="11640"/>
                  </a:lnTo>
                  <a:lnTo>
                    <a:pt x="14004" y="11720"/>
                  </a:lnTo>
                  <a:lnTo>
                    <a:pt x="13956" y="11799"/>
                  </a:lnTo>
                  <a:lnTo>
                    <a:pt x="13907" y="11878"/>
                  </a:lnTo>
                  <a:lnTo>
                    <a:pt x="13857" y="11956"/>
                  </a:lnTo>
                  <a:lnTo>
                    <a:pt x="13807" y="12034"/>
                  </a:lnTo>
                  <a:lnTo>
                    <a:pt x="13755" y="12110"/>
                  </a:lnTo>
                  <a:lnTo>
                    <a:pt x="13703" y="12186"/>
                  </a:lnTo>
                  <a:lnTo>
                    <a:pt x="13651" y="12261"/>
                  </a:lnTo>
                  <a:lnTo>
                    <a:pt x="13597" y="12335"/>
                  </a:lnTo>
                  <a:lnTo>
                    <a:pt x="13541" y="12410"/>
                  </a:lnTo>
                  <a:lnTo>
                    <a:pt x="13486" y="12483"/>
                  </a:lnTo>
                  <a:lnTo>
                    <a:pt x="13430" y="12556"/>
                  </a:lnTo>
                  <a:lnTo>
                    <a:pt x="13373" y="12627"/>
                  </a:lnTo>
                  <a:lnTo>
                    <a:pt x="13314" y="12699"/>
                  </a:lnTo>
                  <a:lnTo>
                    <a:pt x="13255" y="12768"/>
                  </a:lnTo>
                  <a:lnTo>
                    <a:pt x="13196" y="12838"/>
                  </a:lnTo>
                  <a:lnTo>
                    <a:pt x="13135" y="12908"/>
                  </a:lnTo>
                  <a:lnTo>
                    <a:pt x="13074" y="12975"/>
                  </a:lnTo>
                  <a:lnTo>
                    <a:pt x="13012" y="13043"/>
                  </a:lnTo>
                  <a:lnTo>
                    <a:pt x="12949" y="13109"/>
                  </a:lnTo>
                  <a:lnTo>
                    <a:pt x="12885" y="13176"/>
                  </a:lnTo>
                  <a:lnTo>
                    <a:pt x="12820" y="13240"/>
                  </a:lnTo>
                  <a:lnTo>
                    <a:pt x="12756" y="13305"/>
                  </a:lnTo>
                  <a:lnTo>
                    <a:pt x="12689" y="13368"/>
                  </a:lnTo>
                  <a:lnTo>
                    <a:pt x="12623" y="13431"/>
                  </a:lnTo>
                  <a:lnTo>
                    <a:pt x="12555" y="13493"/>
                  </a:lnTo>
                  <a:lnTo>
                    <a:pt x="12488" y="13554"/>
                  </a:lnTo>
                  <a:lnTo>
                    <a:pt x="12418" y="13614"/>
                  </a:lnTo>
                  <a:lnTo>
                    <a:pt x="12349" y="13673"/>
                  </a:lnTo>
                  <a:lnTo>
                    <a:pt x="12279" y="13732"/>
                  </a:lnTo>
                  <a:lnTo>
                    <a:pt x="12208" y="13790"/>
                  </a:lnTo>
                  <a:lnTo>
                    <a:pt x="12136" y="13846"/>
                  </a:lnTo>
                  <a:lnTo>
                    <a:pt x="12065" y="13903"/>
                  </a:lnTo>
                  <a:lnTo>
                    <a:pt x="11991" y="13958"/>
                  </a:lnTo>
                  <a:lnTo>
                    <a:pt x="11917" y="14012"/>
                  </a:lnTo>
                  <a:lnTo>
                    <a:pt x="11844" y="14065"/>
                  </a:lnTo>
                  <a:lnTo>
                    <a:pt x="11768" y="14118"/>
                  </a:lnTo>
                  <a:lnTo>
                    <a:pt x="11692" y="14170"/>
                  </a:lnTo>
                  <a:lnTo>
                    <a:pt x="11617" y="14220"/>
                  </a:lnTo>
                  <a:lnTo>
                    <a:pt x="11540" y="14270"/>
                  </a:lnTo>
                  <a:lnTo>
                    <a:pt x="11462" y="14318"/>
                  </a:lnTo>
                  <a:lnTo>
                    <a:pt x="11383" y="14366"/>
                  </a:lnTo>
                  <a:lnTo>
                    <a:pt x="11305" y="14413"/>
                  </a:lnTo>
                  <a:lnTo>
                    <a:pt x="11226" y="14459"/>
                  </a:lnTo>
                  <a:lnTo>
                    <a:pt x="11146" y="14505"/>
                  </a:lnTo>
                  <a:lnTo>
                    <a:pt x="11065" y="14549"/>
                  </a:lnTo>
                  <a:lnTo>
                    <a:pt x="10984" y="14592"/>
                  </a:lnTo>
                  <a:lnTo>
                    <a:pt x="10903" y="14633"/>
                  </a:lnTo>
                  <a:lnTo>
                    <a:pt x="10821" y="14674"/>
                  </a:lnTo>
                  <a:lnTo>
                    <a:pt x="10738" y="14715"/>
                  </a:lnTo>
                  <a:lnTo>
                    <a:pt x="10654" y="14754"/>
                  </a:lnTo>
                  <a:lnTo>
                    <a:pt x="10570" y="14792"/>
                  </a:lnTo>
                  <a:lnTo>
                    <a:pt x="10486" y="14829"/>
                  </a:lnTo>
                  <a:lnTo>
                    <a:pt x="10402" y="14866"/>
                  </a:lnTo>
                  <a:lnTo>
                    <a:pt x="10316" y="14901"/>
                  </a:lnTo>
                  <a:lnTo>
                    <a:pt x="10230" y="14934"/>
                  </a:lnTo>
                  <a:lnTo>
                    <a:pt x="10143" y="14967"/>
                  </a:lnTo>
                  <a:lnTo>
                    <a:pt x="10056" y="15000"/>
                  </a:lnTo>
                  <a:lnTo>
                    <a:pt x="9969" y="15031"/>
                  </a:lnTo>
                  <a:lnTo>
                    <a:pt x="9881" y="15060"/>
                  </a:lnTo>
                  <a:lnTo>
                    <a:pt x="9793" y="15089"/>
                  </a:lnTo>
                  <a:lnTo>
                    <a:pt x="9704" y="15117"/>
                  </a:lnTo>
                  <a:lnTo>
                    <a:pt x="9614" y="15143"/>
                  </a:lnTo>
                  <a:lnTo>
                    <a:pt x="9525" y="15169"/>
                  </a:lnTo>
                  <a:lnTo>
                    <a:pt x="9434" y="15193"/>
                  </a:lnTo>
                  <a:lnTo>
                    <a:pt x="9344" y="15216"/>
                  </a:lnTo>
                  <a:lnTo>
                    <a:pt x="9253" y="15238"/>
                  </a:lnTo>
                  <a:lnTo>
                    <a:pt x="9161" y="15259"/>
                  </a:lnTo>
                  <a:lnTo>
                    <a:pt x="9069" y="15279"/>
                  </a:lnTo>
                  <a:lnTo>
                    <a:pt x="8977" y="15298"/>
                  </a:lnTo>
                  <a:lnTo>
                    <a:pt x="8884" y="15315"/>
                  </a:lnTo>
                  <a:lnTo>
                    <a:pt x="8791" y="15332"/>
                  </a:lnTo>
                  <a:lnTo>
                    <a:pt x="8698" y="15347"/>
                  </a:lnTo>
                  <a:lnTo>
                    <a:pt x="8603" y="15361"/>
                  </a:lnTo>
                  <a:lnTo>
                    <a:pt x="8509" y="15374"/>
                  </a:lnTo>
                  <a:lnTo>
                    <a:pt x="8414" y="15386"/>
                  </a:lnTo>
                  <a:lnTo>
                    <a:pt x="8320" y="15396"/>
                  </a:lnTo>
                  <a:lnTo>
                    <a:pt x="8224" y="15405"/>
                  </a:lnTo>
                  <a:lnTo>
                    <a:pt x="8129" y="15413"/>
                  </a:lnTo>
                  <a:lnTo>
                    <a:pt x="8033" y="15421"/>
                  </a:lnTo>
                  <a:lnTo>
                    <a:pt x="7937" y="15426"/>
                  </a:lnTo>
                  <a:lnTo>
                    <a:pt x="7839" y="15430"/>
                  </a:lnTo>
                  <a:lnTo>
                    <a:pt x="7742" y="15434"/>
                  </a:lnTo>
                  <a:lnTo>
                    <a:pt x="7645" y="15435"/>
                  </a:lnTo>
                  <a:lnTo>
                    <a:pt x="7548" y="15436"/>
                  </a:lnTo>
                  <a:lnTo>
                    <a:pt x="7548" y="15436"/>
                  </a:lnTo>
                  <a:lnTo>
                    <a:pt x="7451" y="15435"/>
                  </a:lnTo>
                  <a:lnTo>
                    <a:pt x="7354" y="15434"/>
                  </a:lnTo>
                  <a:lnTo>
                    <a:pt x="7257" y="15430"/>
                  </a:lnTo>
                  <a:lnTo>
                    <a:pt x="7159" y="15426"/>
                  </a:lnTo>
                  <a:lnTo>
                    <a:pt x="7063" y="15421"/>
                  </a:lnTo>
                  <a:lnTo>
                    <a:pt x="6967" y="15413"/>
                  </a:lnTo>
                  <a:lnTo>
                    <a:pt x="6872" y="15405"/>
                  </a:lnTo>
                  <a:lnTo>
                    <a:pt x="6776" y="15396"/>
                  </a:lnTo>
                  <a:lnTo>
                    <a:pt x="6682" y="15386"/>
                  </a:lnTo>
                  <a:lnTo>
                    <a:pt x="6587" y="15374"/>
                  </a:lnTo>
                  <a:lnTo>
                    <a:pt x="6493" y="15361"/>
                  </a:lnTo>
                  <a:lnTo>
                    <a:pt x="6398" y="15347"/>
                  </a:lnTo>
                  <a:lnTo>
                    <a:pt x="6305" y="15332"/>
                  </a:lnTo>
                  <a:lnTo>
                    <a:pt x="6212" y="15315"/>
                  </a:lnTo>
                  <a:lnTo>
                    <a:pt x="6119" y="15298"/>
                  </a:lnTo>
                  <a:lnTo>
                    <a:pt x="6027" y="15279"/>
                  </a:lnTo>
                  <a:lnTo>
                    <a:pt x="5935" y="15259"/>
                  </a:lnTo>
                  <a:lnTo>
                    <a:pt x="5843" y="15238"/>
                  </a:lnTo>
                  <a:lnTo>
                    <a:pt x="5752" y="15216"/>
                  </a:lnTo>
                  <a:lnTo>
                    <a:pt x="5662" y="15193"/>
                  </a:lnTo>
                  <a:lnTo>
                    <a:pt x="5571" y="15169"/>
                  </a:lnTo>
                  <a:lnTo>
                    <a:pt x="5482" y="15143"/>
                  </a:lnTo>
                  <a:lnTo>
                    <a:pt x="5392" y="15117"/>
                  </a:lnTo>
                  <a:lnTo>
                    <a:pt x="5303" y="15089"/>
                  </a:lnTo>
                  <a:lnTo>
                    <a:pt x="5215" y="15060"/>
                  </a:lnTo>
                  <a:lnTo>
                    <a:pt x="5127" y="15031"/>
                  </a:lnTo>
                  <a:lnTo>
                    <a:pt x="5040" y="15000"/>
                  </a:lnTo>
                  <a:lnTo>
                    <a:pt x="4953" y="14967"/>
                  </a:lnTo>
                  <a:lnTo>
                    <a:pt x="4866" y="14934"/>
                  </a:lnTo>
                  <a:lnTo>
                    <a:pt x="4780" y="14901"/>
                  </a:lnTo>
                  <a:lnTo>
                    <a:pt x="4694" y="14866"/>
                  </a:lnTo>
                  <a:lnTo>
                    <a:pt x="4610" y="14829"/>
                  </a:lnTo>
                  <a:lnTo>
                    <a:pt x="4526" y="14792"/>
                  </a:lnTo>
                  <a:lnTo>
                    <a:pt x="4442" y="14754"/>
                  </a:lnTo>
                  <a:lnTo>
                    <a:pt x="4358" y="14715"/>
                  </a:lnTo>
                  <a:lnTo>
                    <a:pt x="4275" y="14674"/>
                  </a:lnTo>
                  <a:lnTo>
                    <a:pt x="4193" y="14633"/>
                  </a:lnTo>
                  <a:lnTo>
                    <a:pt x="4112" y="14592"/>
                  </a:lnTo>
                  <a:lnTo>
                    <a:pt x="4031" y="14549"/>
                  </a:lnTo>
                  <a:lnTo>
                    <a:pt x="3950" y="14505"/>
                  </a:lnTo>
                  <a:lnTo>
                    <a:pt x="3870" y="14459"/>
                  </a:lnTo>
                  <a:lnTo>
                    <a:pt x="3791" y="14413"/>
                  </a:lnTo>
                  <a:lnTo>
                    <a:pt x="3713" y="14366"/>
                  </a:lnTo>
                  <a:lnTo>
                    <a:pt x="3634" y="14318"/>
                  </a:lnTo>
                  <a:lnTo>
                    <a:pt x="3556" y="14270"/>
                  </a:lnTo>
                  <a:lnTo>
                    <a:pt x="3479" y="14220"/>
                  </a:lnTo>
                  <a:lnTo>
                    <a:pt x="3404" y="14170"/>
                  </a:lnTo>
                  <a:lnTo>
                    <a:pt x="3328" y="14118"/>
                  </a:lnTo>
                  <a:lnTo>
                    <a:pt x="3252" y="14065"/>
                  </a:lnTo>
                  <a:lnTo>
                    <a:pt x="3179" y="14012"/>
                  </a:lnTo>
                  <a:lnTo>
                    <a:pt x="3105" y="13958"/>
                  </a:lnTo>
                  <a:lnTo>
                    <a:pt x="3031" y="13903"/>
                  </a:lnTo>
                  <a:lnTo>
                    <a:pt x="2960" y="13846"/>
                  </a:lnTo>
                  <a:lnTo>
                    <a:pt x="2888" y="13790"/>
                  </a:lnTo>
                  <a:lnTo>
                    <a:pt x="2817" y="13732"/>
                  </a:lnTo>
                  <a:lnTo>
                    <a:pt x="2747" y="13673"/>
                  </a:lnTo>
                  <a:lnTo>
                    <a:pt x="2678" y="13614"/>
                  </a:lnTo>
                  <a:lnTo>
                    <a:pt x="2608" y="13554"/>
                  </a:lnTo>
                  <a:lnTo>
                    <a:pt x="2541" y="13493"/>
                  </a:lnTo>
                  <a:lnTo>
                    <a:pt x="2473" y="13431"/>
                  </a:lnTo>
                  <a:lnTo>
                    <a:pt x="2407" y="13368"/>
                  </a:lnTo>
                  <a:lnTo>
                    <a:pt x="2340" y="13305"/>
                  </a:lnTo>
                  <a:lnTo>
                    <a:pt x="2276" y="13240"/>
                  </a:lnTo>
                  <a:lnTo>
                    <a:pt x="2211" y="13176"/>
                  </a:lnTo>
                  <a:lnTo>
                    <a:pt x="2147" y="13109"/>
                  </a:lnTo>
                  <a:lnTo>
                    <a:pt x="2084" y="13043"/>
                  </a:lnTo>
                  <a:lnTo>
                    <a:pt x="2022" y="12975"/>
                  </a:lnTo>
                  <a:lnTo>
                    <a:pt x="1961" y="12908"/>
                  </a:lnTo>
                  <a:lnTo>
                    <a:pt x="1900" y="12838"/>
                  </a:lnTo>
                  <a:lnTo>
                    <a:pt x="1841" y="12768"/>
                  </a:lnTo>
                  <a:lnTo>
                    <a:pt x="1782" y="12699"/>
                  </a:lnTo>
                  <a:lnTo>
                    <a:pt x="1723" y="12627"/>
                  </a:lnTo>
                  <a:lnTo>
                    <a:pt x="1666" y="12556"/>
                  </a:lnTo>
                  <a:lnTo>
                    <a:pt x="1610" y="12483"/>
                  </a:lnTo>
                  <a:lnTo>
                    <a:pt x="1555" y="12410"/>
                  </a:lnTo>
                  <a:lnTo>
                    <a:pt x="1499" y="12335"/>
                  </a:lnTo>
                  <a:lnTo>
                    <a:pt x="1445" y="12261"/>
                  </a:lnTo>
                  <a:lnTo>
                    <a:pt x="1393" y="12186"/>
                  </a:lnTo>
                  <a:lnTo>
                    <a:pt x="1341" y="12110"/>
                  </a:lnTo>
                  <a:lnTo>
                    <a:pt x="1289" y="12034"/>
                  </a:lnTo>
                  <a:lnTo>
                    <a:pt x="1239" y="11956"/>
                  </a:lnTo>
                  <a:lnTo>
                    <a:pt x="1189" y="11878"/>
                  </a:lnTo>
                  <a:lnTo>
                    <a:pt x="1140" y="11799"/>
                  </a:lnTo>
                  <a:lnTo>
                    <a:pt x="1092" y="11720"/>
                  </a:lnTo>
                  <a:lnTo>
                    <a:pt x="1046" y="11640"/>
                  </a:lnTo>
                  <a:lnTo>
                    <a:pt x="1000" y="11560"/>
                  </a:lnTo>
                  <a:lnTo>
                    <a:pt x="955" y="11479"/>
                  </a:lnTo>
                  <a:lnTo>
                    <a:pt x="911" y="11397"/>
                  </a:lnTo>
                  <a:lnTo>
                    <a:pt x="868" y="11315"/>
                  </a:lnTo>
                  <a:lnTo>
                    <a:pt x="825" y="11232"/>
                  </a:lnTo>
                  <a:lnTo>
                    <a:pt x="784" y="11148"/>
                  </a:lnTo>
                  <a:lnTo>
                    <a:pt x="745" y="11064"/>
                  </a:lnTo>
                  <a:lnTo>
                    <a:pt x="705" y="10979"/>
                  </a:lnTo>
                  <a:lnTo>
                    <a:pt x="667" y="10894"/>
                  </a:lnTo>
                  <a:lnTo>
                    <a:pt x="629" y="10808"/>
                  </a:lnTo>
                  <a:lnTo>
                    <a:pt x="593" y="10722"/>
                  </a:lnTo>
                  <a:lnTo>
                    <a:pt x="557" y="10635"/>
                  </a:lnTo>
                  <a:lnTo>
                    <a:pt x="524" y="10548"/>
                  </a:lnTo>
                  <a:lnTo>
                    <a:pt x="490" y="10460"/>
                  </a:lnTo>
                  <a:lnTo>
                    <a:pt x="458" y="10372"/>
                  </a:lnTo>
                  <a:lnTo>
                    <a:pt x="426" y="10283"/>
                  </a:lnTo>
                  <a:lnTo>
                    <a:pt x="397" y="10193"/>
                  </a:lnTo>
                  <a:lnTo>
                    <a:pt x="367" y="10103"/>
                  </a:lnTo>
                  <a:lnTo>
                    <a:pt x="340" y="10013"/>
                  </a:lnTo>
                  <a:lnTo>
                    <a:pt x="312" y="9922"/>
                  </a:lnTo>
                  <a:lnTo>
                    <a:pt x="286" y="9831"/>
                  </a:lnTo>
                  <a:lnTo>
                    <a:pt x="262" y="9739"/>
                  </a:lnTo>
                  <a:lnTo>
                    <a:pt x="237" y="9646"/>
                  </a:lnTo>
                  <a:lnTo>
                    <a:pt x="215" y="9554"/>
                  </a:lnTo>
                  <a:lnTo>
                    <a:pt x="193" y="9461"/>
                  </a:lnTo>
                  <a:lnTo>
                    <a:pt x="173" y="9367"/>
                  </a:lnTo>
                  <a:lnTo>
                    <a:pt x="153" y="9274"/>
                  </a:lnTo>
                  <a:lnTo>
                    <a:pt x="135" y="9179"/>
                  </a:lnTo>
                  <a:lnTo>
                    <a:pt x="118" y="9085"/>
                  </a:lnTo>
                  <a:lnTo>
                    <a:pt x="102" y="8989"/>
                  </a:lnTo>
                  <a:lnTo>
                    <a:pt x="87" y="8893"/>
                  </a:lnTo>
                  <a:lnTo>
                    <a:pt x="74" y="8797"/>
                  </a:lnTo>
                  <a:lnTo>
                    <a:pt x="60" y="8701"/>
                  </a:lnTo>
                  <a:lnTo>
                    <a:pt x="49" y="8604"/>
                  </a:lnTo>
                  <a:lnTo>
                    <a:pt x="39" y="8507"/>
                  </a:lnTo>
                  <a:lnTo>
                    <a:pt x="30" y="8410"/>
                  </a:lnTo>
                  <a:lnTo>
                    <a:pt x="23" y="8312"/>
                  </a:lnTo>
                  <a:lnTo>
                    <a:pt x="15" y="8213"/>
                  </a:lnTo>
                  <a:lnTo>
                    <a:pt x="10" y="8115"/>
                  </a:lnTo>
                  <a:lnTo>
                    <a:pt x="5" y="8016"/>
                  </a:lnTo>
                  <a:lnTo>
                    <a:pt x="2" y="7918"/>
                  </a:lnTo>
                  <a:lnTo>
                    <a:pt x="1" y="7817"/>
                  </a:lnTo>
                  <a:lnTo>
                    <a:pt x="0" y="7718"/>
                  </a:lnTo>
                  <a:lnTo>
                    <a:pt x="0" y="7718"/>
                  </a:lnTo>
                  <a:lnTo>
                    <a:pt x="1" y="7619"/>
                  </a:lnTo>
                  <a:lnTo>
                    <a:pt x="2" y="7518"/>
                  </a:lnTo>
                  <a:lnTo>
                    <a:pt x="5" y="7420"/>
                  </a:lnTo>
                  <a:lnTo>
                    <a:pt x="10" y="7321"/>
                  </a:lnTo>
                  <a:lnTo>
                    <a:pt x="15" y="7223"/>
                  </a:lnTo>
                  <a:lnTo>
                    <a:pt x="23" y="7124"/>
                  </a:lnTo>
                  <a:lnTo>
                    <a:pt x="30" y="7026"/>
                  </a:lnTo>
                  <a:lnTo>
                    <a:pt x="39" y="6929"/>
                  </a:lnTo>
                  <a:lnTo>
                    <a:pt x="49" y="6832"/>
                  </a:lnTo>
                  <a:lnTo>
                    <a:pt x="60" y="6735"/>
                  </a:lnTo>
                  <a:lnTo>
                    <a:pt x="74" y="6639"/>
                  </a:lnTo>
                  <a:lnTo>
                    <a:pt x="87" y="6543"/>
                  </a:lnTo>
                  <a:lnTo>
                    <a:pt x="102" y="6447"/>
                  </a:lnTo>
                  <a:lnTo>
                    <a:pt x="118" y="6351"/>
                  </a:lnTo>
                  <a:lnTo>
                    <a:pt x="135" y="6257"/>
                  </a:lnTo>
                  <a:lnTo>
                    <a:pt x="153" y="6162"/>
                  </a:lnTo>
                  <a:lnTo>
                    <a:pt x="173" y="6069"/>
                  </a:lnTo>
                  <a:lnTo>
                    <a:pt x="193" y="5975"/>
                  </a:lnTo>
                  <a:lnTo>
                    <a:pt x="215" y="5882"/>
                  </a:lnTo>
                  <a:lnTo>
                    <a:pt x="237" y="5790"/>
                  </a:lnTo>
                  <a:lnTo>
                    <a:pt x="262" y="5697"/>
                  </a:lnTo>
                  <a:lnTo>
                    <a:pt x="286" y="5605"/>
                  </a:lnTo>
                  <a:lnTo>
                    <a:pt x="312" y="5514"/>
                  </a:lnTo>
                  <a:lnTo>
                    <a:pt x="340" y="5423"/>
                  </a:lnTo>
                  <a:lnTo>
                    <a:pt x="367" y="5333"/>
                  </a:lnTo>
                  <a:lnTo>
                    <a:pt x="397" y="5243"/>
                  </a:lnTo>
                  <a:lnTo>
                    <a:pt x="426" y="5153"/>
                  </a:lnTo>
                  <a:lnTo>
                    <a:pt x="458" y="5064"/>
                  </a:lnTo>
                  <a:lnTo>
                    <a:pt x="490" y="4976"/>
                  </a:lnTo>
                  <a:lnTo>
                    <a:pt x="524" y="4888"/>
                  </a:lnTo>
                  <a:lnTo>
                    <a:pt x="557" y="4801"/>
                  </a:lnTo>
                  <a:lnTo>
                    <a:pt x="593" y="4714"/>
                  </a:lnTo>
                  <a:lnTo>
                    <a:pt x="629" y="4628"/>
                  </a:lnTo>
                  <a:lnTo>
                    <a:pt x="667" y="4542"/>
                  </a:lnTo>
                  <a:lnTo>
                    <a:pt x="705" y="4457"/>
                  </a:lnTo>
                  <a:lnTo>
                    <a:pt x="745" y="4372"/>
                  </a:lnTo>
                  <a:lnTo>
                    <a:pt x="784" y="4288"/>
                  </a:lnTo>
                  <a:lnTo>
                    <a:pt x="825" y="4204"/>
                  </a:lnTo>
                  <a:lnTo>
                    <a:pt x="868" y="4121"/>
                  </a:lnTo>
                  <a:lnTo>
                    <a:pt x="911" y="4039"/>
                  </a:lnTo>
                  <a:lnTo>
                    <a:pt x="955" y="3957"/>
                  </a:lnTo>
                  <a:lnTo>
                    <a:pt x="1000" y="3876"/>
                  </a:lnTo>
                  <a:lnTo>
                    <a:pt x="1046" y="3796"/>
                  </a:lnTo>
                  <a:lnTo>
                    <a:pt x="1092" y="3716"/>
                  </a:lnTo>
                  <a:lnTo>
                    <a:pt x="1140" y="3637"/>
                  </a:lnTo>
                  <a:lnTo>
                    <a:pt x="1189" y="3558"/>
                  </a:lnTo>
                  <a:lnTo>
                    <a:pt x="1239" y="3480"/>
                  </a:lnTo>
                  <a:lnTo>
                    <a:pt x="1289" y="3402"/>
                  </a:lnTo>
                  <a:lnTo>
                    <a:pt x="1341" y="3326"/>
                  </a:lnTo>
                  <a:lnTo>
                    <a:pt x="1393" y="3250"/>
                  </a:lnTo>
                  <a:lnTo>
                    <a:pt x="1445" y="3175"/>
                  </a:lnTo>
                  <a:lnTo>
                    <a:pt x="1499" y="3101"/>
                  </a:lnTo>
                  <a:lnTo>
                    <a:pt x="1555" y="3026"/>
                  </a:lnTo>
                  <a:lnTo>
                    <a:pt x="1610" y="2953"/>
                  </a:lnTo>
                  <a:lnTo>
                    <a:pt x="1666" y="2880"/>
                  </a:lnTo>
                  <a:lnTo>
                    <a:pt x="1723" y="2809"/>
                  </a:lnTo>
                  <a:lnTo>
                    <a:pt x="1782" y="2737"/>
                  </a:lnTo>
                  <a:lnTo>
                    <a:pt x="1841" y="2668"/>
                  </a:lnTo>
                  <a:lnTo>
                    <a:pt x="1900" y="2598"/>
                  </a:lnTo>
                  <a:lnTo>
                    <a:pt x="1961" y="2528"/>
                  </a:lnTo>
                  <a:lnTo>
                    <a:pt x="2022" y="2461"/>
                  </a:lnTo>
                  <a:lnTo>
                    <a:pt x="2084" y="2393"/>
                  </a:lnTo>
                  <a:lnTo>
                    <a:pt x="2147" y="2327"/>
                  </a:lnTo>
                  <a:lnTo>
                    <a:pt x="2211" y="2260"/>
                  </a:lnTo>
                  <a:lnTo>
                    <a:pt x="2276" y="2196"/>
                  </a:lnTo>
                  <a:lnTo>
                    <a:pt x="2340" y="2131"/>
                  </a:lnTo>
                  <a:lnTo>
                    <a:pt x="2407" y="2068"/>
                  </a:lnTo>
                  <a:lnTo>
                    <a:pt x="2473" y="2005"/>
                  </a:lnTo>
                  <a:lnTo>
                    <a:pt x="2541" y="1943"/>
                  </a:lnTo>
                  <a:lnTo>
                    <a:pt x="2608" y="1882"/>
                  </a:lnTo>
                  <a:lnTo>
                    <a:pt x="2678" y="1822"/>
                  </a:lnTo>
                  <a:lnTo>
                    <a:pt x="2747" y="1763"/>
                  </a:lnTo>
                  <a:lnTo>
                    <a:pt x="2817" y="1704"/>
                  </a:lnTo>
                  <a:lnTo>
                    <a:pt x="2888" y="1646"/>
                  </a:lnTo>
                  <a:lnTo>
                    <a:pt x="2960" y="1590"/>
                  </a:lnTo>
                  <a:lnTo>
                    <a:pt x="3031" y="1533"/>
                  </a:lnTo>
                  <a:lnTo>
                    <a:pt x="3105" y="1478"/>
                  </a:lnTo>
                  <a:lnTo>
                    <a:pt x="3179" y="1424"/>
                  </a:lnTo>
                  <a:lnTo>
                    <a:pt x="3252" y="1371"/>
                  </a:lnTo>
                  <a:lnTo>
                    <a:pt x="3328" y="1318"/>
                  </a:lnTo>
                  <a:lnTo>
                    <a:pt x="3404" y="1266"/>
                  </a:lnTo>
                  <a:lnTo>
                    <a:pt x="3479" y="1216"/>
                  </a:lnTo>
                  <a:lnTo>
                    <a:pt x="3556" y="1166"/>
                  </a:lnTo>
                  <a:lnTo>
                    <a:pt x="3634" y="1118"/>
                  </a:lnTo>
                  <a:lnTo>
                    <a:pt x="3713" y="1070"/>
                  </a:lnTo>
                  <a:lnTo>
                    <a:pt x="3791" y="1023"/>
                  </a:lnTo>
                  <a:lnTo>
                    <a:pt x="3870" y="977"/>
                  </a:lnTo>
                  <a:lnTo>
                    <a:pt x="3950" y="931"/>
                  </a:lnTo>
                  <a:lnTo>
                    <a:pt x="4031" y="887"/>
                  </a:lnTo>
                  <a:lnTo>
                    <a:pt x="4112" y="844"/>
                  </a:lnTo>
                  <a:lnTo>
                    <a:pt x="4193" y="803"/>
                  </a:lnTo>
                  <a:lnTo>
                    <a:pt x="4275" y="762"/>
                  </a:lnTo>
                  <a:lnTo>
                    <a:pt x="4358" y="721"/>
                  </a:lnTo>
                  <a:lnTo>
                    <a:pt x="4442" y="682"/>
                  </a:lnTo>
                  <a:lnTo>
                    <a:pt x="4526" y="644"/>
                  </a:lnTo>
                  <a:lnTo>
                    <a:pt x="4610" y="607"/>
                  </a:lnTo>
                  <a:lnTo>
                    <a:pt x="4694" y="570"/>
                  </a:lnTo>
                  <a:lnTo>
                    <a:pt x="4780" y="535"/>
                  </a:lnTo>
                  <a:lnTo>
                    <a:pt x="4866" y="502"/>
                  </a:lnTo>
                  <a:lnTo>
                    <a:pt x="4953" y="469"/>
                  </a:lnTo>
                  <a:lnTo>
                    <a:pt x="5040" y="436"/>
                  </a:lnTo>
                  <a:lnTo>
                    <a:pt x="5127" y="405"/>
                  </a:lnTo>
                  <a:lnTo>
                    <a:pt x="5215" y="376"/>
                  </a:lnTo>
                  <a:lnTo>
                    <a:pt x="5303" y="347"/>
                  </a:lnTo>
                  <a:lnTo>
                    <a:pt x="5392" y="319"/>
                  </a:lnTo>
                  <a:lnTo>
                    <a:pt x="5482" y="293"/>
                  </a:lnTo>
                  <a:lnTo>
                    <a:pt x="5571" y="267"/>
                  </a:lnTo>
                  <a:lnTo>
                    <a:pt x="5662" y="243"/>
                  </a:lnTo>
                  <a:lnTo>
                    <a:pt x="5752" y="220"/>
                  </a:lnTo>
                  <a:lnTo>
                    <a:pt x="5843" y="198"/>
                  </a:lnTo>
                  <a:lnTo>
                    <a:pt x="5935" y="177"/>
                  </a:lnTo>
                  <a:lnTo>
                    <a:pt x="6027" y="157"/>
                  </a:lnTo>
                  <a:lnTo>
                    <a:pt x="6119" y="138"/>
                  </a:lnTo>
                  <a:lnTo>
                    <a:pt x="6212" y="121"/>
                  </a:lnTo>
                  <a:lnTo>
                    <a:pt x="6305" y="104"/>
                  </a:lnTo>
                  <a:lnTo>
                    <a:pt x="6398" y="89"/>
                  </a:lnTo>
                  <a:lnTo>
                    <a:pt x="6493" y="75"/>
                  </a:lnTo>
                  <a:lnTo>
                    <a:pt x="6587" y="62"/>
                  </a:lnTo>
                  <a:lnTo>
                    <a:pt x="6682" y="50"/>
                  </a:lnTo>
                  <a:lnTo>
                    <a:pt x="6776" y="40"/>
                  </a:lnTo>
                  <a:lnTo>
                    <a:pt x="6872" y="31"/>
                  </a:lnTo>
                  <a:lnTo>
                    <a:pt x="6967" y="23"/>
                  </a:lnTo>
                  <a:lnTo>
                    <a:pt x="7063" y="15"/>
                  </a:lnTo>
                  <a:lnTo>
                    <a:pt x="7159" y="10"/>
                  </a:lnTo>
                  <a:lnTo>
                    <a:pt x="7257" y="6"/>
                  </a:lnTo>
                  <a:lnTo>
                    <a:pt x="7354" y="2"/>
                  </a:lnTo>
                  <a:lnTo>
                    <a:pt x="7451" y="1"/>
                  </a:lnTo>
                  <a:lnTo>
                    <a:pt x="7548" y="0"/>
                  </a:lnTo>
                  <a:lnTo>
                    <a:pt x="7548" y="0"/>
                  </a:lnTo>
                  <a:lnTo>
                    <a:pt x="7645" y="1"/>
                  </a:lnTo>
                  <a:lnTo>
                    <a:pt x="7742" y="2"/>
                  </a:lnTo>
                  <a:lnTo>
                    <a:pt x="7839" y="6"/>
                  </a:lnTo>
                  <a:lnTo>
                    <a:pt x="7937" y="10"/>
                  </a:lnTo>
                  <a:lnTo>
                    <a:pt x="8033" y="15"/>
                  </a:lnTo>
                  <a:lnTo>
                    <a:pt x="8129" y="23"/>
                  </a:lnTo>
                  <a:lnTo>
                    <a:pt x="8224" y="31"/>
                  </a:lnTo>
                  <a:lnTo>
                    <a:pt x="8320" y="40"/>
                  </a:lnTo>
                  <a:lnTo>
                    <a:pt x="8414" y="50"/>
                  </a:lnTo>
                  <a:lnTo>
                    <a:pt x="8509" y="62"/>
                  </a:lnTo>
                  <a:lnTo>
                    <a:pt x="8603" y="75"/>
                  </a:lnTo>
                  <a:lnTo>
                    <a:pt x="8698" y="89"/>
                  </a:lnTo>
                  <a:lnTo>
                    <a:pt x="8791" y="104"/>
                  </a:lnTo>
                  <a:lnTo>
                    <a:pt x="8884" y="121"/>
                  </a:lnTo>
                  <a:lnTo>
                    <a:pt x="8977" y="138"/>
                  </a:lnTo>
                  <a:lnTo>
                    <a:pt x="9069" y="157"/>
                  </a:lnTo>
                  <a:lnTo>
                    <a:pt x="9161" y="177"/>
                  </a:lnTo>
                  <a:lnTo>
                    <a:pt x="9253" y="198"/>
                  </a:lnTo>
                  <a:lnTo>
                    <a:pt x="9344" y="220"/>
                  </a:lnTo>
                  <a:lnTo>
                    <a:pt x="9434" y="243"/>
                  </a:lnTo>
                  <a:lnTo>
                    <a:pt x="9525" y="267"/>
                  </a:lnTo>
                  <a:lnTo>
                    <a:pt x="9614" y="293"/>
                  </a:lnTo>
                  <a:lnTo>
                    <a:pt x="9704" y="319"/>
                  </a:lnTo>
                  <a:lnTo>
                    <a:pt x="9793" y="347"/>
                  </a:lnTo>
                  <a:lnTo>
                    <a:pt x="9881" y="376"/>
                  </a:lnTo>
                  <a:lnTo>
                    <a:pt x="9969" y="405"/>
                  </a:lnTo>
                  <a:lnTo>
                    <a:pt x="10056" y="436"/>
                  </a:lnTo>
                  <a:lnTo>
                    <a:pt x="10143" y="469"/>
                  </a:lnTo>
                  <a:lnTo>
                    <a:pt x="10230" y="502"/>
                  </a:lnTo>
                  <a:lnTo>
                    <a:pt x="10316" y="535"/>
                  </a:lnTo>
                  <a:lnTo>
                    <a:pt x="10402" y="570"/>
                  </a:lnTo>
                  <a:lnTo>
                    <a:pt x="10486" y="607"/>
                  </a:lnTo>
                  <a:lnTo>
                    <a:pt x="10570" y="644"/>
                  </a:lnTo>
                  <a:lnTo>
                    <a:pt x="10654" y="682"/>
                  </a:lnTo>
                  <a:lnTo>
                    <a:pt x="10738" y="721"/>
                  </a:lnTo>
                  <a:lnTo>
                    <a:pt x="10821" y="762"/>
                  </a:lnTo>
                  <a:lnTo>
                    <a:pt x="10903" y="803"/>
                  </a:lnTo>
                  <a:lnTo>
                    <a:pt x="10984" y="844"/>
                  </a:lnTo>
                  <a:lnTo>
                    <a:pt x="11065" y="887"/>
                  </a:lnTo>
                  <a:lnTo>
                    <a:pt x="11146" y="931"/>
                  </a:lnTo>
                  <a:lnTo>
                    <a:pt x="11226" y="977"/>
                  </a:lnTo>
                  <a:lnTo>
                    <a:pt x="11305" y="1023"/>
                  </a:lnTo>
                  <a:lnTo>
                    <a:pt x="11383" y="1070"/>
                  </a:lnTo>
                  <a:lnTo>
                    <a:pt x="11462" y="1118"/>
                  </a:lnTo>
                  <a:lnTo>
                    <a:pt x="11540" y="1166"/>
                  </a:lnTo>
                  <a:lnTo>
                    <a:pt x="11617" y="1216"/>
                  </a:lnTo>
                  <a:lnTo>
                    <a:pt x="11692" y="1266"/>
                  </a:lnTo>
                  <a:lnTo>
                    <a:pt x="11768" y="1318"/>
                  </a:lnTo>
                  <a:lnTo>
                    <a:pt x="11844" y="1371"/>
                  </a:lnTo>
                  <a:lnTo>
                    <a:pt x="11917" y="1424"/>
                  </a:lnTo>
                  <a:lnTo>
                    <a:pt x="11991" y="1478"/>
                  </a:lnTo>
                  <a:lnTo>
                    <a:pt x="12065" y="1533"/>
                  </a:lnTo>
                  <a:lnTo>
                    <a:pt x="12136" y="1590"/>
                  </a:lnTo>
                  <a:lnTo>
                    <a:pt x="12208" y="1646"/>
                  </a:lnTo>
                  <a:lnTo>
                    <a:pt x="12279" y="1704"/>
                  </a:lnTo>
                  <a:lnTo>
                    <a:pt x="12349" y="1763"/>
                  </a:lnTo>
                  <a:lnTo>
                    <a:pt x="12418" y="1822"/>
                  </a:lnTo>
                  <a:lnTo>
                    <a:pt x="12488" y="1882"/>
                  </a:lnTo>
                  <a:lnTo>
                    <a:pt x="12555" y="1943"/>
                  </a:lnTo>
                  <a:lnTo>
                    <a:pt x="12623" y="2005"/>
                  </a:lnTo>
                  <a:lnTo>
                    <a:pt x="12689" y="2068"/>
                  </a:lnTo>
                  <a:lnTo>
                    <a:pt x="12756" y="2131"/>
                  </a:lnTo>
                  <a:lnTo>
                    <a:pt x="12820" y="2196"/>
                  </a:lnTo>
                  <a:lnTo>
                    <a:pt x="12885" y="2260"/>
                  </a:lnTo>
                  <a:lnTo>
                    <a:pt x="12949" y="2327"/>
                  </a:lnTo>
                  <a:lnTo>
                    <a:pt x="13012" y="2393"/>
                  </a:lnTo>
                  <a:lnTo>
                    <a:pt x="13074" y="2461"/>
                  </a:lnTo>
                  <a:lnTo>
                    <a:pt x="13135" y="2528"/>
                  </a:lnTo>
                  <a:lnTo>
                    <a:pt x="13196" y="2598"/>
                  </a:lnTo>
                  <a:lnTo>
                    <a:pt x="13255" y="2668"/>
                  </a:lnTo>
                  <a:lnTo>
                    <a:pt x="13314" y="2737"/>
                  </a:lnTo>
                  <a:lnTo>
                    <a:pt x="13373" y="2809"/>
                  </a:lnTo>
                  <a:lnTo>
                    <a:pt x="13430" y="2880"/>
                  </a:lnTo>
                  <a:lnTo>
                    <a:pt x="13486" y="2953"/>
                  </a:lnTo>
                  <a:lnTo>
                    <a:pt x="13541" y="3026"/>
                  </a:lnTo>
                  <a:lnTo>
                    <a:pt x="13597" y="3101"/>
                  </a:lnTo>
                  <a:lnTo>
                    <a:pt x="13651" y="3175"/>
                  </a:lnTo>
                  <a:lnTo>
                    <a:pt x="13703" y="3250"/>
                  </a:lnTo>
                  <a:lnTo>
                    <a:pt x="13755" y="3326"/>
                  </a:lnTo>
                  <a:lnTo>
                    <a:pt x="13807" y="3402"/>
                  </a:lnTo>
                  <a:lnTo>
                    <a:pt x="13857" y="3480"/>
                  </a:lnTo>
                  <a:lnTo>
                    <a:pt x="13907" y="3558"/>
                  </a:lnTo>
                  <a:lnTo>
                    <a:pt x="13956" y="3637"/>
                  </a:lnTo>
                  <a:lnTo>
                    <a:pt x="14004" y="3716"/>
                  </a:lnTo>
                  <a:lnTo>
                    <a:pt x="14050" y="3796"/>
                  </a:lnTo>
                  <a:lnTo>
                    <a:pt x="14096" y="3876"/>
                  </a:lnTo>
                  <a:lnTo>
                    <a:pt x="14141" y="3957"/>
                  </a:lnTo>
                  <a:lnTo>
                    <a:pt x="14185" y="4039"/>
                  </a:lnTo>
                  <a:lnTo>
                    <a:pt x="14228" y="4121"/>
                  </a:lnTo>
                  <a:lnTo>
                    <a:pt x="14271" y="4204"/>
                  </a:lnTo>
                  <a:lnTo>
                    <a:pt x="14312" y="4288"/>
                  </a:lnTo>
                  <a:lnTo>
                    <a:pt x="14351" y="4372"/>
                  </a:lnTo>
                  <a:lnTo>
                    <a:pt x="14391" y="4457"/>
                  </a:lnTo>
                  <a:lnTo>
                    <a:pt x="14429" y="4542"/>
                  </a:lnTo>
                  <a:lnTo>
                    <a:pt x="14467" y="4628"/>
                  </a:lnTo>
                  <a:lnTo>
                    <a:pt x="14503" y="4714"/>
                  </a:lnTo>
                  <a:lnTo>
                    <a:pt x="14539" y="4801"/>
                  </a:lnTo>
                  <a:lnTo>
                    <a:pt x="14572" y="4888"/>
                  </a:lnTo>
                  <a:lnTo>
                    <a:pt x="14606" y="4976"/>
                  </a:lnTo>
                  <a:lnTo>
                    <a:pt x="14638" y="5064"/>
                  </a:lnTo>
                  <a:lnTo>
                    <a:pt x="14670" y="5153"/>
                  </a:lnTo>
                  <a:lnTo>
                    <a:pt x="14699" y="5243"/>
                  </a:lnTo>
                  <a:lnTo>
                    <a:pt x="14729" y="5333"/>
                  </a:lnTo>
                  <a:lnTo>
                    <a:pt x="14756" y="5423"/>
                  </a:lnTo>
                  <a:lnTo>
                    <a:pt x="14784" y="5514"/>
                  </a:lnTo>
                  <a:lnTo>
                    <a:pt x="14810" y="5605"/>
                  </a:lnTo>
                  <a:lnTo>
                    <a:pt x="14834" y="5697"/>
                  </a:lnTo>
                  <a:lnTo>
                    <a:pt x="14859" y="5790"/>
                  </a:lnTo>
                  <a:lnTo>
                    <a:pt x="14881" y="5882"/>
                  </a:lnTo>
                  <a:lnTo>
                    <a:pt x="14903" y="5975"/>
                  </a:lnTo>
                  <a:lnTo>
                    <a:pt x="14923" y="6069"/>
                  </a:lnTo>
                  <a:lnTo>
                    <a:pt x="14943" y="6162"/>
                  </a:lnTo>
                  <a:lnTo>
                    <a:pt x="14961" y="6257"/>
                  </a:lnTo>
                  <a:lnTo>
                    <a:pt x="14978" y="6351"/>
                  </a:lnTo>
                  <a:lnTo>
                    <a:pt x="14994" y="6447"/>
                  </a:lnTo>
                  <a:lnTo>
                    <a:pt x="15009" y="6543"/>
                  </a:lnTo>
                  <a:lnTo>
                    <a:pt x="15022" y="6639"/>
                  </a:lnTo>
                  <a:lnTo>
                    <a:pt x="15036" y="6735"/>
                  </a:lnTo>
                  <a:lnTo>
                    <a:pt x="15047" y="6832"/>
                  </a:lnTo>
                  <a:lnTo>
                    <a:pt x="15057" y="6929"/>
                  </a:lnTo>
                  <a:lnTo>
                    <a:pt x="15066" y="7026"/>
                  </a:lnTo>
                  <a:lnTo>
                    <a:pt x="15073" y="7124"/>
                  </a:lnTo>
                  <a:lnTo>
                    <a:pt x="15081" y="7223"/>
                  </a:lnTo>
                  <a:lnTo>
                    <a:pt x="15086" y="7321"/>
                  </a:lnTo>
                  <a:lnTo>
                    <a:pt x="15091" y="7420"/>
                  </a:lnTo>
                  <a:lnTo>
                    <a:pt x="15094" y="7518"/>
                  </a:lnTo>
                  <a:lnTo>
                    <a:pt x="15095" y="7619"/>
                  </a:lnTo>
                  <a:lnTo>
                    <a:pt x="15096" y="7718"/>
                  </a:lnTo>
                  <a:lnTo>
                    <a:pt x="15096" y="7718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8" name="Freeform 94"/>
            <p:cNvSpPr>
              <a:spLocks/>
            </p:cNvSpPr>
            <p:nvPr/>
          </p:nvSpPr>
          <p:spPr bwMode="auto">
            <a:xfrm>
              <a:off x="3355" y="1889"/>
              <a:ext cx="191" cy="243"/>
            </a:xfrm>
            <a:custGeom>
              <a:avLst/>
              <a:gdLst>
                <a:gd name="T0" fmla="*/ 7229 w 7612"/>
                <a:gd name="T1" fmla="*/ 6703 h 9737"/>
                <a:gd name="T2" fmla="*/ 6737 w 7612"/>
                <a:gd name="T3" fmla="*/ 7202 h 9737"/>
                <a:gd name="T4" fmla="*/ 6203 w 7612"/>
                <a:gd name="T5" fmla="*/ 7466 h 9737"/>
                <a:gd name="T6" fmla="*/ 5650 w 7612"/>
                <a:gd name="T7" fmla="*/ 7557 h 9737"/>
                <a:gd name="T8" fmla="*/ 4733 w 7612"/>
                <a:gd name="T9" fmla="*/ 7428 h 9737"/>
                <a:gd name="T10" fmla="*/ 3904 w 7612"/>
                <a:gd name="T11" fmla="*/ 7064 h 9737"/>
                <a:gd name="T12" fmla="*/ 3154 w 7612"/>
                <a:gd name="T13" fmla="*/ 8232 h 9737"/>
                <a:gd name="T14" fmla="*/ 2272 w 7612"/>
                <a:gd name="T15" fmla="*/ 9061 h 9737"/>
                <a:gd name="T16" fmla="*/ 1200 w 7612"/>
                <a:gd name="T17" fmla="*/ 9597 h 9737"/>
                <a:gd name="T18" fmla="*/ 195 w 7612"/>
                <a:gd name="T19" fmla="*/ 9733 h 9737"/>
                <a:gd name="T20" fmla="*/ 1 w 7612"/>
                <a:gd name="T21" fmla="*/ 9468 h 9737"/>
                <a:gd name="T22" fmla="*/ 219 w 7612"/>
                <a:gd name="T23" fmla="*/ 9255 h 9737"/>
                <a:gd name="T24" fmla="*/ 1097 w 7612"/>
                <a:gd name="T25" fmla="*/ 9123 h 9737"/>
                <a:gd name="T26" fmla="*/ 1996 w 7612"/>
                <a:gd name="T27" fmla="*/ 8669 h 9737"/>
                <a:gd name="T28" fmla="*/ 2742 w 7612"/>
                <a:gd name="T29" fmla="*/ 7980 h 9737"/>
                <a:gd name="T30" fmla="*/ 3361 w 7612"/>
                <a:gd name="T31" fmla="*/ 7069 h 9737"/>
                <a:gd name="T32" fmla="*/ 2519 w 7612"/>
                <a:gd name="T33" fmla="*/ 7265 h 9737"/>
                <a:gd name="T34" fmla="*/ 1587 w 7612"/>
                <a:gd name="T35" fmla="*/ 7125 h 9737"/>
                <a:gd name="T36" fmla="*/ 1051 w 7612"/>
                <a:gd name="T37" fmla="*/ 6800 h 9737"/>
                <a:gd name="T38" fmla="*/ 590 w 7612"/>
                <a:gd name="T39" fmla="*/ 6275 h 9737"/>
                <a:gd name="T40" fmla="*/ 180 w 7612"/>
                <a:gd name="T41" fmla="*/ 5495 h 9737"/>
                <a:gd name="T42" fmla="*/ 1251 w 7612"/>
                <a:gd name="T43" fmla="*/ 5137 h 9737"/>
                <a:gd name="T44" fmla="*/ 2182 w 7612"/>
                <a:gd name="T45" fmla="*/ 5159 h 9737"/>
                <a:gd name="T46" fmla="*/ 2866 w 7612"/>
                <a:gd name="T47" fmla="*/ 5451 h 9737"/>
                <a:gd name="T48" fmla="*/ 3386 w 7612"/>
                <a:gd name="T49" fmla="*/ 5895 h 9737"/>
                <a:gd name="T50" fmla="*/ 3943 w 7612"/>
                <a:gd name="T51" fmla="*/ 5590 h 9737"/>
                <a:gd name="T52" fmla="*/ 3675 w 7612"/>
                <a:gd name="T53" fmla="*/ 4789 h 9737"/>
                <a:gd name="T54" fmla="*/ 2701 w 7612"/>
                <a:gd name="T55" fmla="*/ 4676 h 9737"/>
                <a:gd name="T56" fmla="*/ 1847 w 7612"/>
                <a:gd name="T57" fmla="*/ 4253 h 9737"/>
                <a:gd name="T58" fmla="*/ 1392 w 7612"/>
                <a:gd name="T59" fmla="*/ 3692 h 9737"/>
                <a:gd name="T60" fmla="*/ 1186 w 7612"/>
                <a:gd name="T61" fmla="*/ 3046 h 9737"/>
                <a:gd name="T62" fmla="*/ 1662 w 7612"/>
                <a:gd name="T63" fmla="*/ 2656 h 9737"/>
                <a:gd name="T64" fmla="*/ 2318 w 7612"/>
                <a:gd name="T65" fmla="*/ 2599 h 9737"/>
                <a:gd name="T66" fmla="*/ 3104 w 7612"/>
                <a:gd name="T67" fmla="*/ 2844 h 9737"/>
                <a:gd name="T68" fmla="*/ 3624 w 7612"/>
                <a:gd name="T69" fmla="*/ 3304 h 9737"/>
                <a:gd name="T70" fmla="*/ 4072 w 7612"/>
                <a:gd name="T71" fmla="*/ 4034 h 9737"/>
                <a:gd name="T72" fmla="*/ 4129 w 7612"/>
                <a:gd name="T73" fmla="*/ 3190 h 9737"/>
                <a:gd name="T74" fmla="*/ 3481 w 7612"/>
                <a:gd name="T75" fmla="*/ 2507 h 9737"/>
                <a:gd name="T76" fmla="*/ 3099 w 7612"/>
                <a:gd name="T77" fmla="*/ 1711 h 9737"/>
                <a:gd name="T78" fmla="*/ 3048 w 7612"/>
                <a:gd name="T79" fmla="*/ 1073 h 9737"/>
                <a:gd name="T80" fmla="*/ 3282 w 7612"/>
                <a:gd name="T81" fmla="*/ 326 h 9737"/>
                <a:gd name="T82" fmla="*/ 3905 w 7612"/>
                <a:gd name="T83" fmla="*/ 172 h 9737"/>
                <a:gd name="T84" fmla="*/ 4474 w 7612"/>
                <a:gd name="T85" fmla="*/ 563 h 9737"/>
                <a:gd name="T86" fmla="*/ 4902 w 7612"/>
                <a:gd name="T87" fmla="*/ 1212 h 9737"/>
                <a:gd name="T88" fmla="*/ 5019 w 7612"/>
                <a:gd name="T89" fmla="*/ 1814 h 9737"/>
                <a:gd name="T90" fmla="*/ 4914 w 7612"/>
                <a:gd name="T91" fmla="*/ 2668 h 9737"/>
                <a:gd name="T92" fmla="*/ 4712 w 7612"/>
                <a:gd name="T93" fmla="*/ 3497 h 9737"/>
                <a:gd name="T94" fmla="*/ 4960 w 7612"/>
                <a:gd name="T95" fmla="*/ 3508 h 9737"/>
                <a:gd name="T96" fmla="*/ 5587 w 7612"/>
                <a:gd name="T97" fmla="*/ 2934 h 9737"/>
                <a:gd name="T98" fmla="*/ 6365 w 7612"/>
                <a:gd name="T99" fmla="*/ 2631 h 9737"/>
                <a:gd name="T100" fmla="*/ 7046 w 7612"/>
                <a:gd name="T101" fmla="*/ 2649 h 9737"/>
                <a:gd name="T102" fmla="*/ 7376 w 7612"/>
                <a:gd name="T103" fmla="*/ 3148 h 9737"/>
                <a:gd name="T104" fmla="*/ 7173 w 7612"/>
                <a:gd name="T105" fmla="*/ 3828 h 9737"/>
                <a:gd name="T106" fmla="*/ 6645 w 7612"/>
                <a:gd name="T107" fmla="*/ 4469 h 9737"/>
                <a:gd name="T108" fmla="*/ 6203 w 7612"/>
                <a:gd name="T109" fmla="*/ 4716 h 9737"/>
                <a:gd name="T110" fmla="*/ 5362 w 7612"/>
                <a:gd name="T111" fmla="*/ 4897 h 9737"/>
                <a:gd name="T112" fmla="*/ 4527 w 7612"/>
                <a:gd name="T113" fmla="*/ 5248 h 9737"/>
                <a:gd name="T114" fmla="*/ 4300 w 7612"/>
                <a:gd name="T115" fmla="*/ 6289 h 9737"/>
                <a:gd name="T116" fmla="*/ 5046 w 7612"/>
                <a:gd name="T117" fmla="*/ 5751 h 9737"/>
                <a:gd name="T118" fmla="*/ 5890 w 7612"/>
                <a:gd name="T119" fmla="*/ 5468 h 9737"/>
                <a:gd name="T120" fmla="*/ 6544 w 7612"/>
                <a:gd name="T121" fmla="*/ 5483 h 9737"/>
                <a:gd name="T122" fmla="*/ 7293 w 7612"/>
                <a:gd name="T123" fmla="*/ 5771 h 97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7612" h="9737">
                  <a:moveTo>
                    <a:pt x="7612" y="5994"/>
                  </a:moveTo>
                  <a:lnTo>
                    <a:pt x="7612" y="5994"/>
                  </a:lnTo>
                  <a:lnTo>
                    <a:pt x="7590" y="6047"/>
                  </a:lnTo>
                  <a:lnTo>
                    <a:pt x="7568" y="6100"/>
                  </a:lnTo>
                  <a:lnTo>
                    <a:pt x="7544" y="6152"/>
                  </a:lnTo>
                  <a:lnTo>
                    <a:pt x="7521" y="6203"/>
                  </a:lnTo>
                  <a:lnTo>
                    <a:pt x="7497" y="6254"/>
                  </a:lnTo>
                  <a:lnTo>
                    <a:pt x="7473" y="6303"/>
                  </a:lnTo>
                  <a:lnTo>
                    <a:pt x="7447" y="6351"/>
                  </a:lnTo>
                  <a:lnTo>
                    <a:pt x="7421" y="6398"/>
                  </a:lnTo>
                  <a:lnTo>
                    <a:pt x="7396" y="6445"/>
                  </a:lnTo>
                  <a:lnTo>
                    <a:pt x="7369" y="6490"/>
                  </a:lnTo>
                  <a:lnTo>
                    <a:pt x="7342" y="6535"/>
                  </a:lnTo>
                  <a:lnTo>
                    <a:pt x="7314" y="6578"/>
                  </a:lnTo>
                  <a:lnTo>
                    <a:pt x="7286" y="6621"/>
                  </a:lnTo>
                  <a:lnTo>
                    <a:pt x="7258" y="6663"/>
                  </a:lnTo>
                  <a:lnTo>
                    <a:pt x="7229" y="6703"/>
                  </a:lnTo>
                  <a:lnTo>
                    <a:pt x="7200" y="6743"/>
                  </a:lnTo>
                  <a:lnTo>
                    <a:pt x="7200" y="6743"/>
                  </a:lnTo>
                  <a:lnTo>
                    <a:pt x="7169" y="6782"/>
                  </a:lnTo>
                  <a:lnTo>
                    <a:pt x="7139" y="6820"/>
                  </a:lnTo>
                  <a:lnTo>
                    <a:pt x="7110" y="6857"/>
                  </a:lnTo>
                  <a:lnTo>
                    <a:pt x="7079" y="6891"/>
                  </a:lnTo>
                  <a:lnTo>
                    <a:pt x="7048" y="6926"/>
                  </a:lnTo>
                  <a:lnTo>
                    <a:pt x="7017" y="6959"/>
                  </a:lnTo>
                  <a:lnTo>
                    <a:pt x="6987" y="6991"/>
                  </a:lnTo>
                  <a:lnTo>
                    <a:pt x="6956" y="7021"/>
                  </a:lnTo>
                  <a:lnTo>
                    <a:pt x="6925" y="7051"/>
                  </a:lnTo>
                  <a:lnTo>
                    <a:pt x="6895" y="7079"/>
                  </a:lnTo>
                  <a:lnTo>
                    <a:pt x="6863" y="7106"/>
                  </a:lnTo>
                  <a:lnTo>
                    <a:pt x="6831" y="7132"/>
                  </a:lnTo>
                  <a:lnTo>
                    <a:pt x="6801" y="7156"/>
                  </a:lnTo>
                  <a:lnTo>
                    <a:pt x="6769" y="7180"/>
                  </a:lnTo>
                  <a:lnTo>
                    <a:pt x="6737" y="7202"/>
                  </a:lnTo>
                  <a:lnTo>
                    <a:pt x="6706" y="7224"/>
                  </a:lnTo>
                  <a:lnTo>
                    <a:pt x="6706" y="7224"/>
                  </a:lnTo>
                  <a:lnTo>
                    <a:pt x="6673" y="7244"/>
                  </a:lnTo>
                  <a:lnTo>
                    <a:pt x="6641" y="7264"/>
                  </a:lnTo>
                  <a:lnTo>
                    <a:pt x="6608" y="7283"/>
                  </a:lnTo>
                  <a:lnTo>
                    <a:pt x="6576" y="7302"/>
                  </a:lnTo>
                  <a:lnTo>
                    <a:pt x="6543" y="7320"/>
                  </a:lnTo>
                  <a:lnTo>
                    <a:pt x="6510" y="7338"/>
                  </a:lnTo>
                  <a:lnTo>
                    <a:pt x="6476" y="7354"/>
                  </a:lnTo>
                  <a:lnTo>
                    <a:pt x="6443" y="7370"/>
                  </a:lnTo>
                  <a:lnTo>
                    <a:pt x="6410" y="7386"/>
                  </a:lnTo>
                  <a:lnTo>
                    <a:pt x="6375" y="7400"/>
                  </a:lnTo>
                  <a:lnTo>
                    <a:pt x="6341" y="7414"/>
                  </a:lnTo>
                  <a:lnTo>
                    <a:pt x="6307" y="7429"/>
                  </a:lnTo>
                  <a:lnTo>
                    <a:pt x="6273" y="7441"/>
                  </a:lnTo>
                  <a:lnTo>
                    <a:pt x="6238" y="7454"/>
                  </a:lnTo>
                  <a:lnTo>
                    <a:pt x="6203" y="7466"/>
                  </a:lnTo>
                  <a:lnTo>
                    <a:pt x="6168" y="7477"/>
                  </a:lnTo>
                  <a:lnTo>
                    <a:pt x="6168" y="7477"/>
                  </a:lnTo>
                  <a:lnTo>
                    <a:pt x="6133" y="7487"/>
                  </a:lnTo>
                  <a:lnTo>
                    <a:pt x="6097" y="7497"/>
                  </a:lnTo>
                  <a:lnTo>
                    <a:pt x="6062" y="7507"/>
                  </a:lnTo>
                  <a:lnTo>
                    <a:pt x="6027" y="7515"/>
                  </a:lnTo>
                  <a:lnTo>
                    <a:pt x="5993" y="7522"/>
                  </a:lnTo>
                  <a:lnTo>
                    <a:pt x="5958" y="7529"/>
                  </a:lnTo>
                  <a:lnTo>
                    <a:pt x="5923" y="7535"/>
                  </a:lnTo>
                  <a:lnTo>
                    <a:pt x="5888" y="7540"/>
                  </a:lnTo>
                  <a:lnTo>
                    <a:pt x="5855" y="7544"/>
                  </a:lnTo>
                  <a:lnTo>
                    <a:pt x="5820" y="7548"/>
                  </a:lnTo>
                  <a:lnTo>
                    <a:pt x="5786" y="7552"/>
                  </a:lnTo>
                  <a:lnTo>
                    <a:pt x="5752" y="7554"/>
                  </a:lnTo>
                  <a:lnTo>
                    <a:pt x="5718" y="7556"/>
                  </a:lnTo>
                  <a:lnTo>
                    <a:pt x="5684" y="7556"/>
                  </a:lnTo>
                  <a:lnTo>
                    <a:pt x="5650" y="7557"/>
                  </a:lnTo>
                  <a:lnTo>
                    <a:pt x="5616" y="7556"/>
                  </a:lnTo>
                  <a:lnTo>
                    <a:pt x="5616" y="7556"/>
                  </a:lnTo>
                  <a:lnTo>
                    <a:pt x="5550" y="7553"/>
                  </a:lnTo>
                  <a:lnTo>
                    <a:pt x="5483" y="7549"/>
                  </a:lnTo>
                  <a:lnTo>
                    <a:pt x="5417" y="7545"/>
                  </a:lnTo>
                  <a:lnTo>
                    <a:pt x="5351" y="7540"/>
                  </a:lnTo>
                  <a:lnTo>
                    <a:pt x="5286" y="7534"/>
                  </a:lnTo>
                  <a:lnTo>
                    <a:pt x="5222" y="7527"/>
                  </a:lnTo>
                  <a:lnTo>
                    <a:pt x="5157" y="7519"/>
                  </a:lnTo>
                  <a:lnTo>
                    <a:pt x="5093" y="7510"/>
                  </a:lnTo>
                  <a:lnTo>
                    <a:pt x="5093" y="7510"/>
                  </a:lnTo>
                  <a:lnTo>
                    <a:pt x="5029" y="7499"/>
                  </a:lnTo>
                  <a:lnTo>
                    <a:pt x="4968" y="7488"/>
                  </a:lnTo>
                  <a:lnTo>
                    <a:pt x="4908" y="7475"/>
                  </a:lnTo>
                  <a:lnTo>
                    <a:pt x="4848" y="7460"/>
                  </a:lnTo>
                  <a:lnTo>
                    <a:pt x="4790" y="7445"/>
                  </a:lnTo>
                  <a:lnTo>
                    <a:pt x="4733" y="7428"/>
                  </a:lnTo>
                  <a:lnTo>
                    <a:pt x="4677" y="7409"/>
                  </a:lnTo>
                  <a:lnTo>
                    <a:pt x="4623" y="7390"/>
                  </a:lnTo>
                  <a:lnTo>
                    <a:pt x="4623" y="7390"/>
                  </a:lnTo>
                  <a:lnTo>
                    <a:pt x="4519" y="7350"/>
                  </a:lnTo>
                  <a:lnTo>
                    <a:pt x="4422" y="7312"/>
                  </a:lnTo>
                  <a:lnTo>
                    <a:pt x="4331" y="7275"/>
                  </a:lnTo>
                  <a:lnTo>
                    <a:pt x="4246" y="7240"/>
                  </a:lnTo>
                  <a:lnTo>
                    <a:pt x="4246" y="7240"/>
                  </a:lnTo>
                  <a:lnTo>
                    <a:pt x="4169" y="7208"/>
                  </a:lnTo>
                  <a:lnTo>
                    <a:pt x="4134" y="7191"/>
                  </a:lnTo>
                  <a:lnTo>
                    <a:pt x="4102" y="7176"/>
                  </a:lnTo>
                  <a:lnTo>
                    <a:pt x="4072" y="7161"/>
                  </a:lnTo>
                  <a:lnTo>
                    <a:pt x="4044" y="7146"/>
                  </a:lnTo>
                  <a:lnTo>
                    <a:pt x="4019" y="7132"/>
                  </a:lnTo>
                  <a:lnTo>
                    <a:pt x="3996" y="7119"/>
                  </a:lnTo>
                  <a:lnTo>
                    <a:pt x="3904" y="7064"/>
                  </a:lnTo>
                  <a:lnTo>
                    <a:pt x="3904" y="7064"/>
                  </a:lnTo>
                  <a:lnTo>
                    <a:pt x="3865" y="7141"/>
                  </a:lnTo>
                  <a:lnTo>
                    <a:pt x="3825" y="7217"/>
                  </a:lnTo>
                  <a:lnTo>
                    <a:pt x="3786" y="7292"/>
                  </a:lnTo>
                  <a:lnTo>
                    <a:pt x="3745" y="7365"/>
                  </a:lnTo>
                  <a:lnTo>
                    <a:pt x="3704" y="7438"/>
                  </a:lnTo>
                  <a:lnTo>
                    <a:pt x="3662" y="7510"/>
                  </a:lnTo>
                  <a:lnTo>
                    <a:pt x="3619" y="7581"/>
                  </a:lnTo>
                  <a:lnTo>
                    <a:pt x="3576" y="7651"/>
                  </a:lnTo>
                  <a:lnTo>
                    <a:pt x="3531" y="7719"/>
                  </a:lnTo>
                  <a:lnTo>
                    <a:pt x="3487" y="7787"/>
                  </a:lnTo>
                  <a:lnTo>
                    <a:pt x="3441" y="7854"/>
                  </a:lnTo>
                  <a:lnTo>
                    <a:pt x="3395" y="7919"/>
                  </a:lnTo>
                  <a:lnTo>
                    <a:pt x="3349" y="7984"/>
                  </a:lnTo>
                  <a:lnTo>
                    <a:pt x="3301" y="8047"/>
                  </a:lnTo>
                  <a:lnTo>
                    <a:pt x="3253" y="8110"/>
                  </a:lnTo>
                  <a:lnTo>
                    <a:pt x="3204" y="8172"/>
                  </a:lnTo>
                  <a:lnTo>
                    <a:pt x="3154" y="8232"/>
                  </a:lnTo>
                  <a:lnTo>
                    <a:pt x="3104" y="8292"/>
                  </a:lnTo>
                  <a:lnTo>
                    <a:pt x="3053" y="8350"/>
                  </a:lnTo>
                  <a:lnTo>
                    <a:pt x="3002" y="8407"/>
                  </a:lnTo>
                  <a:lnTo>
                    <a:pt x="2950" y="8464"/>
                  </a:lnTo>
                  <a:lnTo>
                    <a:pt x="2897" y="8520"/>
                  </a:lnTo>
                  <a:lnTo>
                    <a:pt x="2844" y="8574"/>
                  </a:lnTo>
                  <a:lnTo>
                    <a:pt x="2789" y="8627"/>
                  </a:lnTo>
                  <a:lnTo>
                    <a:pt x="2735" y="8680"/>
                  </a:lnTo>
                  <a:lnTo>
                    <a:pt x="2679" y="8731"/>
                  </a:lnTo>
                  <a:lnTo>
                    <a:pt x="2623" y="8781"/>
                  </a:lnTo>
                  <a:lnTo>
                    <a:pt x="2566" y="8830"/>
                  </a:lnTo>
                  <a:lnTo>
                    <a:pt x="2509" y="8878"/>
                  </a:lnTo>
                  <a:lnTo>
                    <a:pt x="2451" y="8926"/>
                  </a:lnTo>
                  <a:lnTo>
                    <a:pt x="2392" y="8972"/>
                  </a:lnTo>
                  <a:lnTo>
                    <a:pt x="2332" y="9017"/>
                  </a:lnTo>
                  <a:lnTo>
                    <a:pt x="2332" y="9017"/>
                  </a:lnTo>
                  <a:lnTo>
                    <a:pt x="2272" y="9061"/>
                  </a:lnTo>
                  <a:lnTo>
                    <a:pt x="2212" y="9103"/>
                  </a:lnTo>
                  <a:lnTo>
                    <a:pt x="2151" y="9145"/>
                  </a:lnTo>
                  <a:lnTo>
                    <a:pt x="2090" y="9185"/>
                  </a:lnTo>
                  <a:lnTo>
                    <a:pt x="2028" y="9223"/>
                  </a:lnTo>
                  <a:lnTo>
                    <a:pt x="1967" y="9260"/>
                  </a:lnTo>
                  <a:lnTo>
                    <a:pt x="1905" y="9296"/>
                  </a:lnTo>
                  <a:lnTo>
                    <a:pt x="1842" y="9331"/>
                  </a:lnTo>
                  <a:lnTo>
                    <a:pt x="1780" y="9363"/>
                  </a:lnTo>
                  <a:lnTo>
                    <a:pt x="1716" y="9394"/>
                  </a:lnTo>
                  <a:lnTo>
                    <a:pt x="1653" y="9425"/>
                  </a:lnTo>
                  <a:lnTo>
                    <a:pt x="1590" y="9453"/>
                  </a:lnTo>
                  <a:lnTo>
                    <a:pt x="1525" y="9481"/>
                  </a:lnTo>
                  <a:lnTo>
                    <a:pt x="1461" y="9507"/>
                  </a:lnTo>
                  <a:lnTo>
                    <a:pt x="1396" y="9531"/>
                  </a:lnTo>
                  <a:lnTo>
                    <a:pt x="1331" y="9555"/>
                  </a:lnTo>
                  <a:lnTo>
                    <a:pt x="1265" y="9576"/>
                  </a:lnTo>
                  <a:lnTo>
                    <a:pt x="1200" y="9597"/>
                  </a:lnTo>
                  <a:lnTo>
                    <a:pt x="1134" y="9616"/>
                  </a:lnTo>
                  <a:lnTo>
                    <a:pt x="1067" y="9634"/>
                  </a:lnTo>
                  <a:lnTo>
                    <a:pt x="1001" y="9650"/>
                  </a:lnTo>
                  <a:lnTo>
                    <a:pt x="934" y="9664"/>
                  </a:lnTo>
                  <a:lnTo>
                    <a:pt x="867" y="9678"/>
                  </a:lnTo>
                  <a:lnTo>
                    <a:pt x="798" y="9690"/>
                  </a:lnTo>
                  <a:lnTo>
                    <a:pt x="731" y="9701"/>
                  </a:lnTo>
                  <a:lnTo>
                    <a:pt x="662" y="9710"/>
                  </a:lnTo>
                  <a:lnTo>
                    <a:pt x="593" y="9719"/>
                  </a:lnTo>
                  <a:lnTo>
                    <a:pt x="524" y="9725"/>
                  </a:lnTo>
                  <a:lnTo>
                    <a:pt x="454" y="9730"/>
                  </a:lnTo>
                  <a:lnTo>
                    <a:pt x="385" y="9734"/>
                  </a:lnTo>
                  <a:lnTo>
                    <a:pt x="315" y="9736"/>
                  </a:lnTo>
                  <a:lnTo>
                    <a:pt x="245" y="9737"/>
                  </a:lnTo>
                  <a:lnTo>
                    <a:pt x="245" y="9737"/>
                  </a:lnTo>
                  <a:lnTo>
                    <a:pt x="219" y="9736"/>
                  </a:lnTo>
                  <a:lnTo>
                    <a:pt x="195" y="9733"/>
                  </a:lnTo>
                  <a:lnTo>
                    <a:pt x="172" y="9728"/>
                  </a:lnTo>
                  <a:lnTo>
                    <a:pt x="150" y="9720"/>
                  </a:lnTo>
                  <a:lnTo>
                    <a:pt x="128" y="9709"/>
                  </a:lnTo>
                  <a:lnTo>
                    <a:pt x="108" y="9697"/>
                  </a:lnTo>
                  <a:lnTo>
                    <a:pt x="89" y="9683"/>
                  </a:lnTo>
                  <a:lnTo>
                    <a:pt x="71" y="9666"/>
                  </a:lnTo>
                  <a:lnTo>
                    <a:pt x="71" y="9666"/>
                  </a:lnTo>
                  <a:lnTo>
                    <a:pt x="55" y="9648"/>
                  </a:lnTo>
                  <a:lnTo>
                    <a:pt x="40" y="9629"/>
                  </a:lnTo>
                  <a:lnTo>
                    <a:pt x="28" y="9609"/>
                  </a:lnTo>
                  <a:lnTo>
                    <a:pt x="18" y="9587"/>
                  </a:lnTo>
                  <a:lnTo>
                    <a:pt x="11" y="9566"/>
                  </a:lnTo>
                  <a:lnTo>
                    <a:pt x="4" y="9542"/>
                  </a:lnTo>
                  <a:lnTo>
                    <a:pt x="1" y="9518"/>
                  </a:lnTo>
                  <a:lnTo>
                    <a:pt x="0" y="9492"/>
                  </a:lnTo>
                  <a:lnTo>
                    <a:pt x="0" y="9492"/>
                  </a:lnTo>
                  <a:lnTo>
                    <a:pt x="1" y="9468"/>
                  </a:lnTo>
                  <a:lnTo>
                    <a:pt x="4" y="9443"/>
                  </a:lnTo>
                  <a:lnTo>
                    <a:pt x="11" y="9421"/>
                  </a:lnTo>
                  <a:lnTo>
                    <a:pt x="18" y="9398"/>
                  </a:lnTo>
                  <a:lnTo>
                    <a:pt x="23" y="9388"/>
                  </a:lnTo>
                  <a:lnTo>
                    <a:pt x="28" y="9378"/>
                  </a:lnTo>
                  <a:lnTo>
                    <a:pt x="34" y="9367"/>
                  </a:lnTo>
                  <a:lnTo>
                    <a:pt x="40" y="9357"/>
                  </a:lnTo>
                  <a:lnTo>
                    <a:pt x="55" y="9339"/>
                  </a:lnTo>
                  <a:lnTo>
                    <a:pt x="71" y="9321"/>
                  </a:lnTo>
                  <a:lnTo>
                    <a:pt x="71" y="9321"/>
                  </a:lnTo>
                  <a:lnTo>
                    <a:pt x="89" y="9306"/>
                  </a:lnTo>
                  <a:lnTo>
                    <a:pt x="108" y="9292"/>
                  </a:lnTo>
                  <a:lnTo>
                    <a:pt x="128" y="9280"/>
                  </a:lnTo>
                  <a:lnTo>
                    <a:pt x="150" y="9270"/>
                  </a:lnTo>
                  <a:lnTo>
                    <a:pt x="172" y="9263"/>
                  </a:lnTo>
                  <a:lnTo>
                    <a:pt x="195" y="9258"/>
                  </a:lnTo>
                  <a:lnTo>
                    <a:pt x="219" y="9255"/>
                  </a:lnTo>
                  <a:lnTo>
                    <a:pt x="245" y="9254"/>
                  </a:lnTo>
                  <a:lnTo>
                    <a:pt x="245" y="9254"/>
                  </a:lnTo>
                  <a:lnTo>
                    <a:pt x="303" y="9253"/>
                  </a:lnTo>
                  <a:lnTo>
                    <a:pt x="361" y="9251"/>
                  </a:lnTo>
                  <a:lnTo>
                    <a:pt x="420" y="9248"/>
                  </a:lnTo>
                  <a:lnTo>
                    <a:pt x="477" y="9244"/>
                  </a:lnTo>
                  <a:lnTo>
                    <a:pt x="535" y="9237"/>
                  </a:lnTo>
                  <a:lnTo>
                    <a:pt x="592" y="9231"/>
                  </a:lnTo>
                  <a:lnTo>
                    <a:pt x="650" y="9224"/>
                  </a:lnTo>
                  <a:lnTo>
                    <a:pt x="706" y="9215"/>
                  </a:lnTo>
                  <a:lnTo>
                    <a:pt x="762" y="9205"/>
                  </a:lnTo>
                  <a:lnTo>
                    <a:pt x="820" y="9194"/>
                  </a:lnTo>
                  <a:lnTo>
                    <a:pt x="875" y="9182"/>
                  </a:lnTo>
                  <a:lnTo>
                    <a:pt x="931" y="9169"/>
                  </a:lnTo>
                  <a:lnTo>
                    <a:pt x="986" y="9155"/>
                  </a:lnTo>
                  <a:lnTo>
                    <a:pt x="1041" y="9139"/>
                  </a:lnTo>
                  <a:lnTo>
                    <a:pt x="1097" y="9123"/>
                  </a:lnTo>
                  <a:lnTo>
                    <a:pt x="1152" y="9104"/>
                  </a:lnTo>
                  <a:lnTo>
                    <a:pt x="1206" y="9086"/>
                  </a:lnTo>
                  <a:lnTo>
                    <a:pt x="1260" y="9066"/>
                  </a:lnTo>
                  <a:lnTo>
                    <a:pt x="1315" y="9045"/>
                  </a:lnTo>
                  <a:lnTo>
                    <a:pt x="1369" y="9022"/>
                  </a:lnTo>
                  <a:lnTo>
                    <a:pt x="1422" y="9000"/>
                  </a:lnTo>
                  <a:lnTo>
                    <a:pt x="1476" y="8975"/>
                  </a:lnTo>
                  <a:lnTo>
                    <a:pt x="1528" y="8950"/>
                  </a:lnTo>
                  <a:lnTo>
                    <a:pt x="1581" y="8923"/>
                  </a:lnTo>
                  <a:lnTo>
                    <a:pt x="1635" y="8896"/>
                  </a:lnTo>
                  <a:lnTo>
                    <a:pt x="1687" y="8866"/>
                  </a:lnTo>
                  <a:lnTo>
                    <a:pt x="1739" y="8836"/>
                  </a:lnTo>
                  <a:lnTo>
                    <a:pt x="1790" y="8805"/>
                  </a:lnTo>
                  <a:lnTo>
                    <a:pt x="1842" y="8773"/>
                  </a:lnTo>
                  <a:lnTo>
                    <a:pt x="1893" y="8740"/>
                  </a:lnTo>
                  <a:lnTo>
                    <a:pt x="1945" y="8705"/>
                  </a:lnTo>
                  <a:lnTo>
                    <a:pt x="1996" y="8669"/>
                  </a:lnTo>
                  <a:lnTo>
                    <a:pt x="1996" y="8669"/>
                  </a:lnTo>
                  <a:lnTo>
                    <a:pt x="2046" y="8632"/>
                  </a:lnTo>
                  <a:lnTo>
                    <a:pt x="2096" y="8596"/>
                  </a:lnTo>
                  <a:lnTo>
                    <a:pt x="2145" y="8557"/>
                  </a:lnTo>
                  <a:lnTo>
                    <a:pt x="2194" y="8518"/>
                  </a:lnTo>
                  <a:lnTo>
                    <a:pt x="2243" y="8478"/>
                  </a:lnTo>
                  <a:lnTo>
                    <a:pt x="2290" y="8437"/>
                  </a:lnTo>
                  <a:lnTo>
                    <a:pt x="2338" y="8395"/>
                  </a:lnTo>
                  <a:lnTo>
                    <a:pt x="2385" y="8352"/>
                  </a:lnTo>
                  <a:lnTo>
                    <a:pt x="2431" y="8309"/>
                  </a:lnTo>
                  <a:lnTo>
                    <a:pt x="2477" y="8265"/>
                  </a:lnTo>
                  <a:lnTo>
                    <a:pt x="2522" y="8219"/>
                  </a:lnTo>
                  <a:lnTo>
                    <a:pt x="2567" y="8173"/>
                  </a:lnTo>
                  <a:lnTo>
                    <a:pt x="2612" y="8126"/>
                  </a:lnTo>
                  <a:lnTo>
                    <a:pt x="2656" y="8079"/>
                  </a:lnTo>
                  <a:lnTo>
                    <a:pt x="2699" y="8030"/>
                  </a:lnTo>
                  <a:lnTo>
                    <a:pt x="2742" y="7980"/>
                  </a:lnTo>
                  <a:lnTo>
                    <a:pt x="2785" y="7929"/>
                  </a:lnTo>
                  <a:lnTo>
                    <a:pt x="2827" y="7878"/>
                  </a:lnTo>
                  <a:lnTo>
                    <a:pt x="2868" y="7826"/>
                  </a:lnTo>
                  <a:lnTo>
                    <a:pt x="2909" y="7773"/>
                  </a:lnTo>
                  <a:lnTo>
                    <a:pt x="2950" y="7719"/>
                  </a:lnTo>
                  <a:lnTo>
                    <a:pt x="2990" y="7664"/>
                  </a:lnTo>
                  <a:lnTo>
                    <a:pt x="3029" y="7609"/>
                  </a:lnTo>
                  <a:lnTo>
                    <a:pt x="3068" y="7553"/>
                  </a:lnTo>
                  <a:lnTo>
                    <a:pt x="3106" y="7495"/>
                  </a:lnTo>
                  <a:lnTo>
                    <a:pt x="3144" y="7437"/>
                  </a:lnTo>
                  <a:lnTo>
                    <a:pt x="3181" y="7378"/>
                  </a:lnTo>
                  <a:lnTo>
                    <a:pt x="3218" y="7318"/>
                  </a:lnTo>
                  <a:lnTo>
                    <a:pt x="3255" y="7257"/>
                  </a:lnTo>
                  <a:lnTo>
                    <a:pt x="3291" y="7195"/>
                  </a:lnTo>
                  <a:lnTo>
                    <a:pt x="3326" y="7133"/>
                  </a:lnTo>
                  <a:lnTo>
                    <a:pt x="3361" y="7069"/>
                  </a:lnTo>
                  <a:lnTo>
                    <a:pt x="3361" y="7069"/>
                  </a:lnTo>
                  <a:lnTo>
                    <a:pt x="3312" y="7088"/>
                  </a:lnTo>
                  <a:lnTo>
                    <a:pt x="3263" y="7105"/>
                  </a:lnTo>
                  <a:lnTo>
                    <a:pt x="3214" y="7123"/>
                  </a:lnTo>
                  <a:lnTo>
                    <a:pt x="3166" y="7139"/>
                  </a:lnTo>
                  <a:lnTo>
                    <a:pt x="3117" y="7153"/>
                  </a:lnTo>
                  <a:lnTo>
                    <a:pt x="3068" y="7168"/>
                  </a:lnTo>
                  <a:lnTo>
                    <a:pt x="3018" y="7182"/>
                  </a:lnTo>
                  <a:lnTo>
                    <a:pt x="2970" y="7194"/>
                  </a:lnTo>
                  <a:lnTo>
                    <a:pt x="2970" y="7194"/>
                  </a:lnTo>
                  <a:lnTo>
                    <a:pt x="2920" y="7206"/>
                  </a:lnTo>
                  <a:lnTo>
                    <a:pt x="2868" y="7217"/>
                  </a:lnTo>
                  <a:lnTo>
                    <a:pt x="2815" y="7227"/>
                  </a:lnTo>
                  <a:lnTo>
                    <a:pt x="2760" y="7236"/>
                  </a:lnTo>
                  <a:lnTo>
                    <a:pt x="2702" y="7244"/>
                  </a:lnTo>
                  <a:lnTo>
                    <a:pt x="2643" y="7253"/>
                  </a:lnTo>
                  <a:lnTo>
                    <a:pt x="2582" y="7259"/>
                  </a:lnTo>
                  <a:lnTo>
                    <a:pt x="2519" y="7265"/>
                  </a:lnTo>
                  <a:lnTo>
                    <a:pt x="2519" y="7265"/>
                  </a:lnTo>
                  <a:lnTo>
                    <a:pt x="2456" y="7269"/>
                  </a:lnTo>
                  <a:lnTo>
                    <a:pt x="2393" y="7272"/>
                  </a:lnTo>
                  <a:lnTo>
                    <a:pt x="2330" y="7273"/>
                  </a:lnTo>
                  <a:lnTo>
                    <a:pt x="2268" y="7272"/>
                  </a:lnTo>
                  <a:lnTo>
                    <a:pt x="2206" y="7270"/>
                  </a:lnTo>
                  <a:lnTo>
                    <a:pt x="2146" y="7265"/>
                  </a:lnTo>
                  <a:lnTo>
                    <a:pt x="2086" y="7259"/>
                  </a:lnTo>
                  <a:lnTo>
                    <a:pt x="2025" y="7252"/>
                  </a:lnTo>
                  <a:lnTo>
                    <a:pt x="2025" y="7252"/>
                  </a:lnTo>
                  <a:lnTo>
                    <a:pt x="1965" y="7241"/>
                  </a:lnTo>
                  <a:lnTo>
                    <a:pt x="1904" y="7228"/>
                  </a:lnTo>
                  <a:lnTo>
                    <a:pt x="1842" y="7213"/>
                  </a:lnTo>
                  <a:lnTo>
                    <a:pt x="1780" y="7195"/>
                  </a:lnTo>
                  <a:lnTo>
                    <a:pt x="1716" y="7174"/>
                  </a:lnTo>
                  <a:lnTo>
                    <a:pt x="1652" y="7151"/>
                  </a:lnTo>
                  <a:lnTo>
                    <a:pt x="1587" y="7125"/>
                  </a:lnTo>
                  <a:lnTo>
                    <a:pt x="1520" y="7096"/>
                  </a:lnTo>
                  <a:lnTo>
                    <a:pt x="1520" y="7096"/>
                  </a:lnTo>
                  <a:lnTo>
                    <a:pt x="1487" y="7081"/>
                  </a:lnTo>
                  <a:lnTo>
                    <a:pt x="1455" y="7065"/>
                  </a:lnTo>
                  <a:lnTo>
                    <a:pt x="1422" y="7049"/>
                  </a:lnTo>
                  <a:lnTo>
                    <a:pt x="1389" y="7032"/>
                  </a:lnTo>
                  <a:lnTo>
                    <a:pt x="1358" y="7014"/>
                  </a:lnTo>
                  <a:lnTo>
                    <a:pt x="1326" y="6996"/>
                  </a:lnTo>
                  <a:lnTo>
                    <a:pt x="1294" y="6976"/>
                  </a:lnTo>
                  <a:lnTo>
                    <a:pt x="1262" y="6957"/>
                  </a:lnTo>
                  <a:lnTo>
                    <a:pt x="1232" y="6936"/>
                  </a:lnTo>
                  <a:lnTo>
                    <a:pt x="1201" y="6915"/>
                  </a:lnTo>
                  <a:lnTo>
                    <a:pt x="1170" y="6893"/>
                  </a:lnTo>
                  <a:lnTo>
                    <a:pt x="1140" y="6871"/>
                  </a:lnTo>
                  <a:lnTo>
                    <a:pt x="1110" y="6848"/>
                  </a:lnTo>
                  <a:lnTo>
                    <a:pt x="1079" y="6825"/>
                  </a:lnTo>
                  <a:lnTo>
                    <a:pt x="1051" y="6800"/>
                  </a:lnTo>
                  <a:lnTo>
                    <a:pt x="1021" y="6776"/>
                  </a:lnTo>
                  <a:lnTo>
                    <a:pt x="1021" y="6776"/>
                  </a:lnTo>
                  <a:lnTo>
                    <a:pt x="991" y="6750"/>
                  </a:lnTo>
                  <a:lnTo>
                    <a:pt x="963" y="6723"/>
                  </a:lnTo>
                  <a:lnTo>
                    <a:pt x="934" y="6696"/>
                  </a:lnTo>
                  <a:lnTo>
                    <a:pt x="904" y="6666"/>
                  </a:lnTo>
                  <a:lnTo>
                    <a:pt x="876" y="6636"/>
                  </a:lnTo>
                  <a:lnTo>
                    <a:pt x="847" y="6605"/>
                  </a:lnTo>
                  <a:lnTo>
                    <a:pt x="819" y="6573"/>
                  </a:lnTo>
                  <a:lnTo>
                    <a:pt x="790" y="6539"/>
                  </a:lnTo>
                  <a:lnTo>
                    <a:pt x="761" y="6505"/>
                  </a:lnTo>
                  <a:lnTo>
                    <a:pt x="733" y="6470"/>
                  </a:lnTo>
                  <a:lnTo>
                    <a:pt x="704" y="6433"/>
                  </a:lnTo>
                  <a:lnTo>
                    <a:pt x="675" y="6395"/>
                  </a:lnTo>
                  <a:lnTo>
                    <a:pt x="647" y="6356"/>
                  </a:lnTo>
                  <a:lnTo>
                    <a:pt x="619" y="6316"/>
                  </a:lnTo>
                  <a:lnTo>
                    <a:pt x="590" y="6275"/>
                  </a:lnTo>
                  <a:lnTo>
                    <a:pt x="562" y="6232"/>
                  </a:lnTo>
                  <a:lnTo>
                    <a:pt x="562" y="6232"/>
                  </a:lnTo>
                  <a:lnTo>
                    <a:pt x="534" y="6189"/>
                  </a:lnTo>
                  <a:lnTo>
                    <a:pt x="507" y="6145"/>
                  </a:lnTo>
                  <a:lnTo>
                    <a:pt x="479" y="6100"/>
                  </a:lnTo>
                  <a:lnTo>
                    <a:pt x="452" y="6055"/>
                  </a:lnTo>
                  <a:lnTo>
                    <a:pt x="426" y="6008"/>
                  </a:lnTo>
                  <a:lnTo>
                    <a:pt x="399" y="5961"/>
                  </a:lnTo>
                  <a:lnTo>
                    <a:pt x="374" y="5912"/>
                  </a:lnTo>
                  <a:lnTo>
                    <a:pt x="348" y="5863"/>
                  </a:lnTo>
                  <a:lnTo>
                    <a:pt x="323" y="5813"/>
                  </a:lnTo>
                  <a:lnTo>
                    <a:pt x="299" y="5762"/>
                  </a:lnTo>
                  <a:lnTo>
                    <a:pt x="274" y="5710"/>
                  </a:lnTo>
                  <a:lnTo>
                    <a:pt x="250" y="5658"/>
                  </a:lnTo>
                  <a:lnTo>
                    <a:pt x="226" y="5605"/>
                  </a:lnTo>
                  <a:lnTo>
                    <a:pt x="203" y="5550"/>
                  </a:lnTo>
                  <a:lnTo>
                    <a:pt x="180" y="5495"/>
                  </a:lnTo>
                  <a:lnTo>
                    <a:pt x="158" y="5439"/>
                  </a:lnTo>
                  <a:lnTo>
                    <a:pt x="158" y="5439"/>
                  </a:lnTo>
                  <a:lnTo>
                    <a:pt x="235" y="5408"/>
                  </a:lnTo>
                  <a:lnTo>
                    <a:pt x="311" y="5378"/>
                  </a:lnTo>
                  <a:lnTo>
                    <a:pt x="387" y="5351"/>
                  </a:lnTo>
                  <a:lnTo>
                    <a:pt x="463" y="5324"/>
                  </a:lnTo>
                  <a:lnTo>
                    <a:pt x="537" y="5300"/>
                  </a:lnTo>
                  <a:lnTo>
                    <a:pt x="611" y="5276"/>
                  </a:lnTo>
                  <a:lnTo>
                    <a:pt x="685" y="5255"/>
                  </a:lnTo>
                  <a:lnTo>
                    <a:pt x="757" y="5234"/>
                  </a:lnTo>
                  <a:lnTo>
                    <a:pt x="830" y="5216"/>
                  </a:lnTo>
                  <a:lnTo>
                    <a:pt x="901" y="5198"/>
                  </a:lnTo>
                  <a:lnTo>
                    <a:pt x="973" y="5183"/>
                  </a:lnTo>
                  <a:lnTo>
                    <a:pt x="1044" y="5170"/>
                  </a:lnTo>
                  <a:lnTo>
                    <a:pt x="1113" y="5157"/>
                  </a:lnTo>
                  <a:lnTo>
                    <a:pt x="1183" y="5146"/>
                  </a:lnTo>
                  <a:lnTo>
                    <a:pt x="1251" y="5137"/>
                  </a:lnTo>
                  <a:lnTo>
                    <a:pt x="1320" y="5130"/>
                  </a:lnTo>
                  <a:lnTo>
                    <a:pt x="1320" y="5130"/>
                  </a:lnTo>
                  <a:lnTo>
                    <a:pt x="1386" y="5124"/>
                  </a:lnTo>
                  <a:lnTo>
                    <a:pt x="1453" y="5118"/>
                  </a:lnTo>
                  <a:lnTo>
                    <a:pt x="1517" y="5114"/>
                  </a:lnTo>
                  <a:lnTo>
                    <a:pt x="1579" y="5111"/>
                  </a:lnTo>
                  <a:lnTo>
                    <a:pt x="1642" y="5110"/>
                  </a:lnTo>
                  <a:lnTo>
                    <a:pt x="1702" y="5110"/>
                  </a:lnTo>
                  <a:lnTo>
                    <a:pt x="1760" y="5110"/>
                  </a:lnTo>
                  <a:lnTo>
                    <a:pt x="1819" y="5112"/>
                  </a:lnTo>
                  <a:lnTo>
                    <a:pt x="1874" y="5115"/>
                  </a:lnTo>
                  <a:lnTo>
                    <a:pt x="1929" y="5119"/>
                  </a:lnTo>
                  <a:lnTo>
                    <a:pt x="1982" y="5126"/>
                  </a:lnTo>
                  <a:lnTo>
                    <a:pt x="2035" y="5132"/>
                  </a:lnTo>
                  <a:lnTo>
                    <a:pt x="2086" y="5140"/>
                  </a:lnTo>
                  <a:lnTo>
                    <a:pt x="2135" y="5149"/>
                  </a:lnTo>
                  <a:lnTo>
                    <a:pt x="2182" y="5159"/>
                  </a:lnTo>
                  <a:lnTo>
                    <a:pt x="2229" y="5171"/>
                  </a:lnTo>
                  <a:lnTo>
                    <a:pt x="2229" y="5171"/>
                  </a:lnTo>
                  <a:lnTo>
                    <a:pt x="2275" y="5183"/>
                  </a:lnTo>
                  <a:lnTo>
                    <a:pt x="2320" y="5196"/>
                  </a:lnTo>
                  <a:lnTo>
                    <a:pt x="2364" y="5210"/>
                  </a:lnTo>
                  <a:lnTo>
                    <a:pt x="2409" y="5225"/>
                  </a:lnTo>
                  <a:lnTo>
                    <a:pt x="2452" y="5241"/>
                  </a:lnTo>
                  <a:lnTo>
                    <a:pt x="2496" y="5258"/>
                  </a:lnTo>
                  <a:lnTo>
                    <a:pt x="2539" y="5276"/>
                  </a:lnTo>
                  <a:lnTo>
                    <a:pt x="2581" y="5294"/>
                  </a:lnTo>
                  <a:lnTo>
                    <a:pt x="2623" y="5314"/>
                  </a:lnTo>
                  <a:lnTo>
                    <a:pt x="2665" y="5334"/>
                  </a:lnTo>
                  <a:lnTo>
                    <a:pt x="2706" y="5356"/>
                  </a:lnTo>
                  <a:lnTo>
                    <a:pt x="2746" y="5378"/>
                  </a:lnTo>
                  <a:lnTo>
                    <a:pt x="2786" y="5402"/>
                  </a:lnTo>
                  <a:lnTo>
                    <a:pt x="2826" y="5427"/>
                  </a:lnTo>
                  <a:lnTo>
                    <a:pt x="2866" y="5451"/>
                  </a:lnTo>
                  <a:lnTo>
                    <a:pt x="2905" y="5478"/>
                  </a:lnTo>
                  <a:lnTo>
                    <a:pt x="2905" y="5478"/>
                  </a:lnTo>
                  <a:lnTo>
                    <a:pt x="2980" y="5530"/>
                  </a:lnTo>
                  <a:lnTo>
                    <a:pt x="3051" y="5583"/>
                  </a:lnTo>
                  <a:lnTo>
                    <a:pt x="3085" y="5609"/>
                  </a:lnTo>
                  <a:lnTo>
                    <a:pt x="3118" y="5635"/>
                  </a:lnTo>
                  <a:lnTo>
                    <a:pt x="3149" y="5662"/>
                  </a:lnTo>
                  <a:lnTo>
                    <a:pt x="3180" y="5688"/>
                  </a:lnTo>
                  <a:lnTo>
                    <a:pt x="3209" y="5714"/>
                  </a:lnTo>
                  <a:lnTo>
                    <a:pt x="3237" y="5740"/>
                  </a:lnTo>
                  <a:lnTo>
                    <a:pt x="3265" y="5766"/>
                  </a:lnTo>
                  <a:lnTo>
                    <a:pt x="3292" y="5792"/>
                  </a:lnTo>
                  <a:lnTo>
                    <a:pt x="3316" y="5818"/>
                  </a:lnTo>
                  <a:lnTo>
                    <a:pt x="3341" y="5844"/>
                  </a:lnTo>
                  <a:lnTo>
                    <a:pt x="3363" y="5870"/>
                  </a:lnTo>
                  <a:lnTo>
                    <a:pt x="3386" y="5895"/>
                  </a:lnTo>
                  <a:lnTo>
                    <a:pt x="3386" y="5895"/>
                  </a:lnTo>
                  <a:lnTo>
                    <a:pt x="3428" y="5948"/>
                  </a:lnTo>
                  <a:lnTo>
                    <a:pt x="3468" y="6001"/>
                  </a:lnTo>
                  <a:lnTo>
                    <a:pt x="3508" y="6055"/>
                  </a:lnTo>
                  <a:lnTo>
                    <a:pt x="3547" y="6110"/>
                  </a:lnTo>
                  <a:lnTo>
                    <a:pt x="3585" y="6167"/>
                  </a:lnTo>
                  <a:lnTo>
                    <a:pt x="3622" y="6224"/>
                  </a:lnTo>
                  <a:lnTo>
                    <a:pt x="3658" y="6282"/>
                  </a:lnTo>
                  <a:lnTo>
                    <a:pt x="3692" y="6342"/>
                  </a:lnTo>
                  <a:lnTo>
                    <a:pt x="3692" y="6342"/>
                  </a:lnTo>
                  <a:lnTo>
                    <a:pt x="3727" y="6252"/>
                  </a:lnTo>
                  <a:lnTo>
                    <a:pt x="3762" y="6160"/>
                  </a:lnTo>
                  <a:lnTo>
                    <a:pt x="3795" y="6068"/>
                  </a:lnTo>
                  <a:lnTo>
                    <a:pt x="3826" y="5975"/>
                  </a:lnTo>
                  <a:lnTo>
                    <a:pt x="3857" y="5881"/>
                  </a:lnTo>
                  <a:lnTo>
                    <a:pt x="3887" y="5785"/>
                  </a:lnTo>
                  <a:lnTo>
                    <a:pt x="3915" y="5689"/>
                  </a:lnTo>
                  <a:lnTo>
                    <a:pt x="3943" y="5590"/>
                  </a:lnTo>
                  <a:lnTo>
                    <a:pt x="3970" y="5491"/>
                  </a:lnTo>
                  <a:lnTo>
                    <a:pt x="3994" y="5390"/>
                  </a:lnTo>
                  <a:lnTo>
                    <a:pt x="4019" y="5288"/>
                  </a:lnTo>
                  <a:lnTo>
                    <a:pt x="4041" y="5185"/>
                  </a:lnTo>
                  <a:lnTo>
                    <a:pt x="4063" y="5081"/>
                  </a:lnTo>
                  <a:lnTo>
                    <a:pt x="4083" y="4975"/>
                  </a:lnTo>
                  <a:lnTo>
                    <a:pt x="4103" y="4868"/>
                  </a:lnTo>
                  <a:lnTo>
                    <a:pt x="4121" y="4760"/>
                  </a:lnTo>
                  <a:lnTo>
                    <a:pt x="4121" y="4760"/>
                  </a:lnTo>
                  <a:lnTo>
                    <a:pt x="4023" y="4773"/>
                  </a:lnTo>
                  <a:lnTo>
                    <a:pt x="4023" y="4773"/>
                  </a:lnTo>
                  <a:lnTo>
                    <a:pt x="3985" y="4778"/>
                  </a:lnTo>
                  <a:lnTo>
                    <a:pt x="3930" y="4781"/>
                  </a:lnTo>
                  <a:lnTo>
                    <a:pt x="3859" y="4785"/>
                  </a:lnTo>
                  <a:lnTo>
                    <a:pt x="3770" y="4787"/>
                  </a:lnTo>
                  <a:lnTo>
                    <a:pt x="3770" y="4787"/>
                  </a:lnTo>
                  <a:lnTo>
                    <a:pt x="3675" y="4789"/>
                  </a:lnTo>
                  <a:lnTo>
                    <a:pt x="3580" y="4789"/>
                  </a:lnTo>
                  <a:lnTo>
                    <a:pt x="3486" y="4788"/>
                  </a:lnTo>
                  <a:lnTo>
                    <a:pt x="3394" y="4785"/>
                  </a:lnTo>
                  <a:lnTo>
                    <a:pt x="3394" y="4785"/>
                  </a:lnTo>
                  <a:lnTo>
                    <a:pt x="3346" y="4782"/>
                  </a:lnTo>
                  <a:lnTo>
                    <a:pt x="3297" y="4778"/>
                  </a:lnTo>
                  <a:lnTo>
                    <a:pt x="3245" y="4773"/>
                  </a:lnTo>
                  <a:lnTo>
                    <a:pt x="3190" y="4766"/>
                  </a:lnTo>
                  <a:lnTo>
                    <a:pt x="3134" y="4759"/>
                  </a:lnTo>
                  <a:lnTo>
                    <a:pt x="3076" y="4751"/>
                  </a:lnTo>
                  <a:lnTo>
                    <a:pt x="3014" y="4741"/>
                  </a:lnTo>
                  <a:lnTo>
                    <a:pt x="2951" y="4730"/>
                  </a:lnTo>
                  <a:lnTo>
                    <a:pt x="2951" y="4730"/>
                  </a:lnTo>
                  <a:lnTo>
                    <a:pt x="2887" y="4718"/>
                  </a:lnTo>
                  <a:lnTo>
                    <a:pt x="2824" y="4705"/>
                  </a:lnTo>
                  <a:lnTo>
                    <a:pt x="2763" y="4691"/>
                  </a:lnTo>
                  <a:lnTo>
                    <a:pt x="2701" y="4676"/>
                  </a:lnTo>
                  <a:lnTo>
                    <a:pt x="2642" y="4660"/>
                  </a:lnTo>
                  <a:lnTo>
                    <a:pt x="2584" y="4642"/>
                  </a:lnTo>
                  <a:lnTo>
                    <a:pt x="2527" y="4624"/>
                  </a:lnTo>
                  <a:lnTo>
                    <a:pt x="2470" y="4606"/>
                  </a:lnTo>
                  <a:lnTo>
                    <a:pt x="2470" y="4606"/>
                  </a:lnTo>
                  <a:lnTo>
                    <a:pt x="2415" y="4584"/>
                  </a:lnTo>
                  <a:lnTo>
                    <a:pt x="2359" y="4562"/>
                  </a:lnTo>
                  <a:lnTo>
                    <a:pt x="2302" y="4536"/>
                  </a:lnTo>
                  <a:lnTo>
                    <a:pt x="2245" y="4508"/>
                  </a:lnTo>
                  <a:lnTo>
                    <a:pt x="2188" y="4478"/>
                  </a:lnTo>
                  <a:lnTo>
                    <a:pt x="2131" y="4446"/>
                  </a:lnTo>
                  <a:lnTo>
                    <a:pt x="2072" y="4411"/>
                  </a:lnTo>
                  <a:lnTo>
                    <a:pt x="2014" y="4374"/>
                  </a:lnTo>
                  <a:lnTo>
                    <a:pt x="2014" y="4374"/>
                  </a:lnTo>
                  <a:lnTo>
                    <a:pt x="1957" y="4335"/>
                  </a:lnTo>
                  <a:lnTo>
                    <a:pt x="1902" y="4295"/>
                  </a:lnTo>
                  <a:lnTo>
                    <a:pt x="1847" y="4253"/>
                  </a:lnTo>
                  <a:lnTo>
                    <a:pt x="1796" y="4209"/>
                  </a:lnTo>
                  <a:lnTo>
                    <a:pt x="1746" y="4164"/>
                  </a:lnTo>
                  <a:lnTo>
                    <a:pt x="1698" y="4118"/>
                  </a:lnTo>
                  <a:lnTo>
                    <a:pt x="1652" y="4070"/>
                  </a:lnTo>
                  <a:lnTo>
                    <a:pt x="1607" y="4021"/>
                  </a:lnTo>
                  <a:lnTo>
                    <a:pt x="1607" y="4021"/>
                  </a:lnTo>
                  <a:lnTo>
                    <a:pt x="1586" y="3996"/>
                  </a:lnTo>
                  <a:lnTo>
                    <a:pt x="1564" y="3969"/>
                  </a:lnTo>
                  <a:lnTo>
                    <a:pt x="1544" y="3941"/>
                  </a:lnTo>
                  <a:lnTo>
                    <a:pt x="1523" y="3914"/>
                  </a:lnTo>
                  <a:lnTo>
                    <a:pt x="1504" y="3885"/>
                  </a:lnTo>
                  <a:lnTo>
                    <a:pt x="1484" y="3854"/>
                  </a:lnTo>
                  <a:lnTo>
                    <a:pt x="1465" y="3824"/>
                  </a:lnTo>
                  <a:lnTo>
                    <a:pt x="1446" y="3792"/>
                  </a:lnTo>
                  <a:lnTo>
                    <a:pt x="1428" y="3760"/>
                  </a:lnTo>
                  <a:lnTo>
                    <a:pt x="1411" y="3726"/>
                  </a:lnTo>
                  <a:lnTo>
                    <a:pt x="1392" y="3692"/>
                  </a:lnTo>
                  <a:lnTo>
                    <a:pt x="1376" y="3657"/>
                  </a:lnTo>
                  <a:lnTo>
                    <a:pt x="1359" y="3621"/>
                  </a:lnTo>
                  <a:lnTo>
                    <a:pt x="1342" y="3584"/>
                  </a:lnTo>
                  <a:lnTo>
                    <a:pt x="1327" y="3546"/>
                  </a:lnTo>
                  <a:lnTo>
                    <a:pt x="1311" y="3507"/>
                  </a:lnTo>
                  <a:lnTo>
                    <a:pt x="1311" y="3507"/>
                  </a:lnTo>
                  <a:lnTo>
                    <a:pt x="1296" y="3468"/>
                  </a:lnTo>
                  <a:lnTo>
                    <a:pt x="1282" y="3428"/>
                  </a:lnTo>
                  <a:lnTo>
                    <a:pt x="1269" y="3388"/>
                  </a:lnTo>
                  <a:lnTo>
                    <a:pt x="1256" y="3348"/>
                  </a:lnTo>
                  <a:lnTo>
                    <a:pt x="1244" y="3306"/>
                  </a:lnTo>
                  <a:lnTo>
                    <a:pt x="1233" y="3264"/>
                  </a:lnTo>
                  <a:lnTo>
                    <a:pt x="1221" y="3222"/>
                  </a:lnTo>
                  <a:lnTo>
                    <a:pt x="1211" y="3178"/>
                  </a:lnTo>
                  <a:lnTo>
                    <a:pt x="1202" y="3135"/>
                  </a:lnTo>
                  <a:lnTo>
                    <a:pt x="1194" y="3091"/>
                  </a:lnTo>
                  <a:lnTo>
                    <a:pt x="1186" y="3046"/>
                  </a:lnTo>
                  <a:lnTo>
                    <a:pt x="1179" y="3001"/>
                  </a:lnTo>
                  <a:lnTo>
                    <a:pt x="1172" y="2955"/>
                  </a:lnTo>
                  <a:lnTo>
                    <a:pt x="1166" y="2908"/>
                  </a:lnTo>
                  <a:lnTo>
                    <a:pt x="1161" y="2862"/>
                  </a:lnTo>
                  <a:lnTo>
                    <a:pt x="1157" y="2814"/>
                  </a:lnTo>
                  <a:lnTo>
                    <a:pt x="1157" y="2814"/>
                  </a:lnTo>
                  <a:lnTo>
                    <a:pt x="1204" y="2796"/>
                  </a:lnTo>
                  <a:lnTo>
                    <a:pt x="1251" y="2778"/>
                  </a:lnTo>
                  <a:lnTo>
                    <a:pt x="1298" y="2761"/>
                  </a:lnTo>
                  <a:lnTo>
                    <a:pt x="1344" y="2746"/>
                  </a:lnTo>
                  <a:lnTo>
                    <a:pt x="1390" y="2730"/>
                  </a:lnTo>
                  <a:lnTo>
                    <a:pt x="1436" y="2716"/>
                  </a:lnTo>
                  <a:lnTo>
                    <a:pt x="1482" y="2702"/>
                  </a:lnTo>
                  <a:lnTo>
                    <a:pt x="1528" y="2689"/>
                  </a:lnTo>
                  <a:lnTo>
                    <a:pt x="1573" y="2677"/>
                  </a:lnTo>
                  <a:lnTo>
                    <a:pt x="1618" y="2666"/>
                  </a:lnTo>
                  <a:lnTo>
                    <a:pt x="1662" y="2656"/>
                  </a:lnTo>
                  <a:lnTo>
                    <a:pt x="1707" y="2646"/>
                  </a:lnTo>
                  <a:lnTo>
                    <a:pt x="1751" y="2637"/>
                  </a:lnTo>
                  <a:lnTo>
                    <a:pt x="1794" y="2630"/>
                  </a:lnTo>
                  <a:lnTo>
                    <a:pt x="1838" y="2623"/>
                  </a:lnTo>
                  <a:lnTo>
                    <a:pt x="1881" y="2617"/>
                  </a:lnTo>
                  <a:lnTo>
                    <a:pt x="1881" y="2617"/>
                  </a:lnTo>
                  <a:lnTo>
                    <a:pt x="1924" y="2611"/>
                  </a:lnTo>
                  <a:lnTo>
                    <a:pt x="1966" y="2606"/>
                  </a:lnTo>
                  <a:lnTo>
                    <a:pt x="2008" y="2602"/>
                  </a:lnTo>
                  <a:lnTo>
                    <a:pt x="2049" y="2599"/>
                  </a:lnTo>
                  <a:lnTo>
                    <a:pt x="2089" y="2597"/>
                  </a:lnTo>
                  <a:lnTo>
                    <a:pt x="2129" y="2595"/>
                  </a:lnTo>
                  <a:lnTo>
                    <a:pt x="2168" y="2595"/>
                  </a:lnTo>
                  <a:lnTo>
                    <a:pt x="2206" y="2594"/>
                  </a:lnTo>
                  <a:lnTo>
                    <a:pt x="2244" y="2595"/>
                  </a:lnTo>
                  <a:lnTo>
                    <a:pt x="2281" y="2597"/>
                  </a:lnTo>
                  <a:lnTo>
                    <a:pt x="2318" y="2599"/>
                  </a:lnTo>
                  <a:lnTo>
                    <a:pt x="2355" y="2602"/>
                  </a:lnTo>
                  <a:lnTo>
                    <a:pt x="2389" y="2605"/>
                  </a:lnTo>
                  <a:lnTo>
                    <a:pt x="2424" y="2611"/>
                  </a:lnTo>
                  <a:lnTo>
                    <a:pt x="2459" y="2616"/>
                  </a:lnTo>
                  <a:lnTo>
                    <a:pt x="2492" y="2622"/>
                  </a:lnTo>
                  <a:lnTo>
                    <a:pt x="2492" y="2622"/>
                  </a:lnTo>
                  <a:lnTo>
                    <a:pt x="2558" y="2636"/>
                  </a:lnTo>
                  <a:lnTo>
                    <a:pt x="2623" y="2652"/>
                  </a:lnTo>
                  <a:lnTo>
                    <a:pt x="2687" y="2669"/>
                  </a:lnTo>
                  <a:lnTo>
                    <a:pt x="2751" y="2688"/>
                  </a:lnTo>
                  <a:lnTo>
                    <a:pt x="2812" y="2710"/>
                  </a:lnTo>
                  <a:lnTo>
                    <a:pt x="2873" y="2733"/>
                  </a:lnTo>
                  <a:lnTo>
                    <a:pt x="2933" y="2758"/>
                  </a:lnTo>
                  <a:lnTo>
                    <a:pt x="2992" y="2785"/>
                  </a:lnTo>
                  <a:lnTo>
                    <a:pt x="2992" y="2785"/>
                  </a:lnTo>
                  <a:lnTo>
                    <a:pt x="3049" y="2813"/>
                  </a:lnTo>
                  <a:lnTo>
                    <a:pt x="3104" y="2844"/>
                  </a:lnTo>
                  <a:lnTo>
                    <a:pt x="3158" y="2876"/>
                  </a:lnTo>
                  <a:lnTo>
                    <a:pt x="3208" y="2908"/>
                  </a:lnTo>
                  <a:lnTo>
                    <a:pt x="3233" y="2926"/>
                  </a:lnTo>
                  <a:lnTo>
                    <a:pt x="3257" y="2943"/>
                  </a:lnTo>
                  <a:lnTo>
                    <a:pt x="3280" y="2961"/>
                  </a:lnTo>
                  <a:lnTo>
                    <a:pt x="3304" y="2979"/>
                  </a:lnTo>
                  <a:lnTo>
                    <a:pt x="3326" y="2999"/>
                  </a:lnTo>
                  <a:lnTo>
                    <a:pt x="3348" y="3017"/>
                  </a:lnTo>
                  <a:lnTo>
                    <a:pt x="3369" y="3036"/>
                  </a:lnTo>
                  <a:lnTo>
                    <a:pt x="3391" y="3057"/>
                  </a:lnTo>
                  <a:lnTo>
                    <a:pt x="3391" y="3057"/>
                  </a:lnTo>
                  <a:lnTo>
                    <a:pt x="3432" y="3097"/>
                  </a:lnTo>
                  <a:lnTo>
                    <a:pt x="3472" y="3138"/>
                  </a:lnTo>
                  <a:lnTo>
                    <a:pt x="3511" y="3179"/>
                  </a:lnTo>
                  <a:lnTo>
                    <a:pt x="3549" y="3220"/>
                  </a:lnTo>
                  <a:lnTo>
                    <a:pt x="3587" y="3262"/>
                  </a:lnTo>
                  <a:lnTo>
                    <a:pt x="3624" y="3304"/>
                  </a:lnTo>
                  <a:lnTo>
                    <a:pt x="3660" y="3346"/>
                  </a:lnTo>
                  <a:lnTo>
                    <a:pt x="3695" y="3388"/>
                  </a:lnTo>
                  <a:lnTo>
                    <a:pt x="3695" y="3388"/>
                  </a:lnTo>
                  <a:lnTo>
                    <a:pt x="3728" y="3430"/>
                  </a:lnTo>
                  <a:lnTo>
                    <a:pt x="3761" y="3473"/>
                  </a:lnTo>
                  <a:lnTo>
                    <a:pt x="3792" y="3516"/>
                  </a:lnTo>
                  <a:lnTo>
                    <a:pt x="3821" y="3559"/>
                  </a:lnTo>
                  <a:lnTo>
                    <a:pt x="3849" y="3602"/>
                  </a:lnTo>
                  <a:lnTo>
                    <a:pt x="3875" y="3644"/>
                  </a:lnTo>
                  <a:lnTo>
                    <a:pt x="3899" y="3687"/>
                  </a:lnTo>
                  <a:lnTo>
                    <a:pt x="3923" y="3730"/>
                  </a:lnTo>
                  <a:lnTo>
                    <a:pt x="3923" y="3730"/>
                  </a:lnTo>
                  <a:lnTo>
                    <a:pt x="3966" y="3813"/>
                  </a:lnTo>
                  <a:lnTo>
                    <a:pt x="4004" y="3892"/>
                  </a:lnTo>
                  <a:lnTo>
                    <a:pt x="4040" y="3966"/>
                  </a:lnTo>
                  <a:lnTo>
                    <a:pt x="4072" y="4034"/>
                  </a:lnTo>
                  <a:lnTo>
                    <a:pt x="4072" y="4034"/>
                  </a:lnTo>
                  <a:lnTo>
                    <a:pt x="4100" y="4098"/>
                  </a:lnTo>
                  <a:lnTo>
                    <a:pt x="4124" y="4155"/>
                  </a:lnTo>
                  <a:lnTo>
                    <a:pt x="4144" y="4205"/>
                  </a:lnTo>
                  <a:lnTo>
                    <a:pt x="4159" y="4249"/>
                  </a:lnTo>
                  <a:lnTo>
                    <a:pt x="4180" y="4336"/>
                  </a:lnTo>
                  <a:lnTo>
                    <a:pt x="4180" y="4336"/>
                  </a:lnTo>
                  <a:lnTo>
                    <a:pt x="4196" y="4175"/>
                  </a:lnTo>
                  <a:lnTo>
                    <a:pt x="4209" y="4021"/>
                  </a:lnTo>
                  <a:lnTo>
                    <a:pt x="4220" y="3877"/>
                  </a:lnTo>
                  <a:lnTo>
                    <a:pt x="4229" y="3740"/>
                  </a:lnTo>
                  <a:lnTo>
                    <a:pt x="4237" y="3612"/>
                  </a:lnTo>
                  <a:lnTo>
                    <a:pt x="4242" y="3492"/>
                  </a:lnTo>
                  <a:lnTo>
                    <a:pt x="4245" y="3380"/>
                  </a:lnTo>
                  <a:lnTo>
                    <a:pt x="4246" y="3277"/>
                  </a:lnTo>
                  <a:lnTo>
                    <a:pt x="4246" y="3277"/>
                  </a:lnTo>
                  <a:lnTo>
                    <a:pt x="4129" y="3190"/>
                  </a:lnTo>
                  <a:lnTo>
                    <a:pt x="4129" y="3190"/>
                  </a:lnTo>
                  <a:lnTo>
                    <a:pt x="4109" y="3174"/>
                  </a:lnTo>
                  <a:lnTo>
                    <a:pt x="4085" y="3154"/>
                  </a:lnTo>
                  <a:lnTo>
                    <a:pt x="4058" y="3131"/>
                  </a:lnTo>
                  <a:lnTo>
                    <a:pt x="4026" y="3102"/>
                  </a:lnTo>
                  <a:lnTo>
                    <a:pt x="3952" y="3033"/>
                  </a:lnTo>
                  <a:lnTo>
                    <a:pt x="3863" y="2948"/>
                  </a:lnTo>
                  <a:lnTo>
                    <a:pt x="3863" y="2948"/>
                  </a:lnTo>
                  <a:lnTo>
                    <a:pt x="3815" y="2901"/>
                  </a:lnTo>
                  <a:lnTo>
                    <a:pt x="3769" y="2853"/>
                  </a:lnTo>
                  <a:lnTo>
                    <a:pt x="3724" y="2805"/>
                  </a:lnTo>
                  <a:lnTo>
                    <a:pt x="3680" y="2757"/>
                  </a:lnTo>
                  <a:lnTo>
                    <a:pt x="3638" y="2708"/>
                  </a:lnTo>
                  <a:lnTo>
                    <a:pt x="3596" y="2659"/>
                  </a:lnTo>
                  <a:lnTo>
                    <a:pt x="3556" y="2610"/>
                  </a:lnTo>
                  <a:lnTo>
                    <a:pt x="3519" y="2559"/>
                  </a:lnTo>
                  <a:lnTo>
                    <a:pt x="3519" y="2559"/>
                  </a:lnTo>
                  <a:lnTo>
                    <a:pt x="3481" y="2507"/>
                  </a:lnTo>
                  <a:lnTo>
                    <a:pt x="3443" y="2452"/>
                  </a:lnTo>
                  <a:lnTo>
                    <a:pt x="3406" y="2394"/>
                  </a:lnTo>
                  <a:lnTo>
                    <a:pt x="3369" y="2332"/>
                  </a:lnTo>
                  <a:lnTo>
                    <a:pt x="3332" y="2268"/>
                  </a:lnTo>
                  <a:lnTo>
                    <a:pt x="3297" y="2200"/>
                  </a:lnTo>
                  <a:lnTo>
                    <a:pt x="3261" y="2128"/>
                  </a:lnTo>
                  <a:lnTo>
                    <a:pt x="3225" y="2054"/>
                  </a:lnTo>
                  <a:lnTo>
                    <a:pt x="3225" y="2054"/>
                  </a:lnTo>
                  <a:lnTo>
                    <a:pt x="3208" y="2016"/>
                  </a:lnTo>
                  <a:lnTo>
                    <a:pt x="3191" y="1978"/>
                  </a:lnTo>
                  <a:lnTo>
                    <a:pt x="3176" y="1940"/>
                  </a:lnTo>
                  <a:lnTo>
                    <a:pt x="3161" y="1902"/>
                  </a:lnTo>
                  <a:lnTo>
                    <a:pt x="3147" y="1863"/>
                  </a:lnTo>
                  <a:lnTo>
                    <a:pt x="3134" y="1825"/>
                  </a:lnTo>
                  <a:lnTo>
                    <a:pt x="3122" y="1788"/>
                  </a:lnTo>
                  <a:lnTo>
                    <a:pt x="3109" y="1749"/>
                  </a:lnTo>
                  <a:lnTo>
                    <a:pt x="3099" y="1711"/>
                  </a:lnTo>
                  <a:lnTo>
                    <a:pt x="3089" y="1673"/>
                  </a:lnTo>
                  <a:lnTo>
                    <a:pt x="3080" y="1634"/>
                  </a:lnTo>
                  <a:lnTo>
                    <a:pt x="3072" y="1596"/>
                  </a:lnTo>
                  <a:lnTo>
                    <a:pt x="3063" y="1558"/>
                  </a:lnTo>
                  <a:lnTo>
                    <a:pt x="3057" y="1519"/>
                  </a:lnTo>
                  <a:lnTo>
                    <a:pt x="3051" y="1482"/>
                  </a:lnTo>
                  <a:lnTo>
                    <a:pt x="3046" y="1443"/>
                  </a:lnTo>
                  <a:lnTo>
                    <a:pt x="3046" y="1443"/>
                  </a:lnTo>
                  <a:lnTo>
                    <a:pt x="3042" y="1404"/>
                  </a:lnTo>
                  <a:lnTo>
                    <a:pt x="3039" y="1365"/>
                  </a:lnTo>
                  <a:lnTo>
                    <a:pt x="3037" y="1325"/>
                  </a:lnTo>
                  <a:lnTo>
                    <a:pt x="3036" y="1285"/>
                  </a:lnTo>
                  <a:lnTo>
                    <a:pt x="3036" y="1243"/>
                  </a:lnTo>
                  <a:lnTo>
                    <a:pt x="3037" y="1202"/>
                  </a:lnTo>
                  <a:lnTo>
                    <a:pt x="3040" y="1159"/>
                  </a:lnTo>
                  <a:lnTo>
                    <a:pt x="3043" y="1117"/>
                  </a:lnTo>
                  <a:lnTo>
                    <a:pt x="3048" y="1073"/>
                  </a:lnTo>
                  <a:lnTo>
                    <a:pt x="3053" y="1029"/>
                  </a:lnTo>
                  <a:lnTo>
                    <a:pt x="3060" y="985"/>
                  </a:lnTo>
                  <a:lnTo>
                    <a:pt x="3069" y="939"/>
                  </a:lnTo>
                  <a:lnTo>
                    <a:pt x="3078" y="894"/>
                  </a:lnTo>
                  <a:lnTo>
                    <a:pt x="3087" y="847"/>
                  </a:lnTo>
                  <a:lnTo>
                    <a:pt x="3098" y="800"/>
                  </a:lnTo>
                  <a:lnTo>
                    <a:pt x="3112" y="753"/>
                  </a:lnTo>
                  <a:lnTo>
                    <a:pt x="3112" y="753"/>
                  </a:lnTo>
                  <a:lnTo>
                    <a:pt x="3125" y="705"/>
                  </a:lnTo>
                  <a:lnTo>
                    <a:pt x="3139" y="658"/>
                  </a:lnTo>
                  <a:lnTo>
                    <a:pt x="3156" y="609"/>
                  </a:lnTo>
                  <a:lnTo>
                    <a:pt x="3174" y="562"/>
                  </a:lnTo>
                  <a:lnTo>
                    <a:pt x="3192" y="514"/>
                  </a:lnTo>
                  <a:lnTo>
                    <a:pt x="3213" y="467"/>
                  </a:lnTo>
                  <a:lnTo>
                    <a:pt x="3234" y="420"/>
                  </a:lnTo>
                  <a:lnTo>
                    <a:pt x="3258" y="373"/>
                  </a:lnTo>
                  <a:lnTo>
                    <a:pt x="3282" y="326"/>
                  </a:lnTo>
                  <a:lnTo>
                    <a:pt x="3308" y="279"/>
                  </a:lnTo>
                  <a:lnTo>
                    <a:pt x="3336" y="233"/>
                  </a:lnTo>
                  <a:lnTo>
                    <a:pt x="3363" y="186"/>
                  </a:lnTo>
                  <a:lnTo>
                    <a:pt x="3394" y="140"/>
                  </a:lnTo>
                  <a:lnTo>
                    <a:pt x="3425" y="93"/>
                  </a:lnTo>
                  <a:lnTo>
                    <a:pt x="3457" y="46"/>
                  </a:lnTo>
                  <a:lnTo>
                    <a:pt x="3491" y="0"/>
                  </a:lnTo>
                  <a:lnTo>
                    <a:pt x="3491" y="0"/>
                  </a:lnTo>
                  <a:lnTo>
                    <a:pt x="3540" y="18"/>
                  </a:lnTo>
                  <a:lnTo>
                    <a:pt x="3588" y="35"/>
                  </a:lnTo>
                  <a:lnTo>
                    <a:pt x="3636" y="54"/>
                  </a:lnTo>
                  <a:lnTo>
                    <a:pt x="3683" y="72"/>
                  </a:lnTo>
                  <a:lnTo>
                    <a:pt x="3729" y="91"/>
                  </a:lnTo>
                  <a:lnTo>
                    <a:pt x="3774" y="111"/>
                  </a:lnTo>
                  <a:lnTo>
                    <a:pt x="3818" y="131"/>
                  </a:lnTo>
                  <a:lnTo>
                    <a:pt x="3862" y="152"/>
                  </a:lnTo>
                  <a:lnTo>
                    <a:pt x="3905" y="172"/>
                  </a:lnTo>
                  <a:lnTo>
                    <a:pt x="3947" y="195"/>
                  </a:lnTo>
                  <a:lnTo>
                    <a:pt x="3989" y="216"/>
                  </a:lnTo>
                  <a:lnTo>
                    <a:pt x="4029" y="239"/>
                  </a:lnTo>
                  <a:lnTo>
                    <a:pt x="4069" y="262"/>
                  </a:lnTo>
                  <a:lnTo>
                    <a:pt x="4108" y="286"/>
                  </a:lnTo>
                  <a:lnTo>
                    <a:pt x="4146" y="310"/>
                  </a:lnTo>
                  <a:lnTo>
                    <a:pt x="4183" y="334"/>
                  </a:lnTo>
                  <a:lnTo>
                    <a:pt x="4183" y="334"/>
                  </a:lnTo>
                  <a:lnTo>
                    <a:pt x="4220" y="360"/>
                  </a:lnTo>
                  <a:lnTo>
                    <a:pt x="4255" y="384"/>
                  </a:lnTo>
                  <a:lnTo>
                    <a:pt x="4290" y="410"/>
                  </a:lnTo>
                  <a:lnTo>
                    <a:pt x="4322" y="434"/>
                  </a:lnTo>
                  <a:lnTo>
                    <a:pt x="4355" y="460"/>
                  </a:lnTo>
                  <a:lnTo>
                    <a:pt x="4387" y="486"/>
                  </a:lnTo>
                  <a:lnTo>
                    <a:pt x="4417" y="511"/>
                  </a:lnTo>
                  <a:lnTo>
                    <a:pt x="4446" y="538"/>
                  </a:lnTo>
                  <a:lnTo>
                    <a:pt x="4474" y="563"/>
                  </a:lnTo>
                  <a:lnTo>
                    <a:pt x="4501" y="590"/>
                  </a:lnTo>
                  <a:lnTo>
                    <a:pt x="4527" y="616"/>
                  </a:lnTo>
                  <a:lnTo>
                    <a:pt x="4553" y="642"/>
                  </a:lnTo>
                  <a:lnTo>
                    <a:pt x="4576" y="669"/>
                  </a:lnTo>
                  <a:lnTo>
                    <a:pt x="4600" y="696"/>
                  </a:lnTo>
                  <a:lnTo>
                    <a:pt x="4621" y="723"/>
                  </a:lnTo>
                  <a:lnTo>
                    <a:pt x="4642" y="750"/>
                  </a:lnTo>
                  <a:lnTo>
                    <a:pt x="4642" y="750"/>
                  </a:lnTo>
                  <a:lnTo>
                    <a:pt x="4681" y="805"/>
                  </a:lnTo>
                  <a:lnTo>
                    <a:pt x="4719" y="860"/>
                  </a:lnTo>
                  <a:lnTo>
                    <a:pt x="4755" y="917"/>
                  </a:lnTo>
                  <a:lnTo>
                    <a:pt x="4789" y="974"/>
                  </a:lnTo>
                  <a:lnTo>
                    <a:pt x="4821" y="1032"/>
                  </a:lnTo>
                  <a:lnTo>
                    <a:pt x="4850" y="1092"/>
                  </a:lnTo>
                  <a:lnTo>
                    <a:pt x="4877" y="1151"/>
                  </a:lnTo>
                  <a:lnTo>
                    <a:pt x="4902" y="1212"/>
                  </a:lnTo>
                  <a:lnTo>
                    <a:pt x="4902" y="1212"/>
                  </a:lnTo>
                  <a:lnTo>
                    <a:pt x="4926" y="1273"/>
                  </a:lnTo>
                  <a:lnTo>
                    <a:pt x="4946" y="1334"/>
                  </a:lnTo>
                  <a:lnTo>
                    <a:pt x="4956" y="1364"/>
                  </a:lnTo>
                  <a:lnTo>
                    <a:pt x="4964" y="1395"/>
                  </a:lnTo>
                  <a:lnTo>
                    <a:pt x="4972" y="1425"/>
                  </a:lnTo>
                  <a:lnTo>
                    <a:pt x="4979" y="1455"/>
                  </a:lnTo>
                  <a:lnTo>
                    <a:pt x="4986" y="1486"/>
                  </a:lnTo>
                  <a:lnTo>
                    <a:pt x="4992" y="1515"/>
                  </a:lnTo>
                  <a:lnTo>
                    <a:pt x="4998" y="1545"/>
                  </a:lnTo>
                  <a:lnTo>
                    <a:pt x="5002" y="1576"/>
                  </a:lnTo>
                  <a:lnTo>
                    <a:pt x="5006" y="1605"/>
                  </a:lnTo>
                  <a:lnTo>
                    <a:pt x="5009" y="1635"/>
                  </a:lnTo>
                  <a:lnTo>
                    <a:pt x="5012" y="1666"/>
                  </a:lnTo>
                  <a:lnTo>
                    <a:pt x="5014" y="1695"/>
                  </a:lnTo>
                  <a:lnTo>
                    <a:pt x="5014" y="1695"/>
                  </a:lnTo>
                  <a:lnTo>
                    <a:pt x="5017" y="1755"/>
                  </a:lnTo>
                  <a:lnTo>
                    <a:pt x="5019" y="1814"/>
                  </a:lnTo>
                  <a:lnTo>
                    <a:pt x="5020" y="1873"/>
                  </a:lnTo>
                  <a:lnTo>
                    <a:pt x="5020" y="1931"/>
                  </a:lnTo>
                  <a:lnTo>
                    <a:pt x="5019" y="1989"/>
                  </a:lnTo>
                  <a:lnTo>
                    <a:pt x="5018" y="2047"/>
                  </a:lnTo>
                  <a:lnTo>
                    <a:pt x="5015" y="2104"/>
                  </a:lnTo>
                  <a:lnTo>
                    <a:pt x="5011" y="2160"/>
                  </a:lnTo>
                  <a:lnTo>
                    <a:pt x="5011" y="2160"/>
                  </a:lnTo>
                  <a:lnTo>
                    <a:pt x="5007" y="2215"/>
                  </a:lnTo>
                  <a:lnTo>
                    <a:pt x="5001" y="2271"/>
                  </a:lnTo>
                  <a:lnTo>
                    <a:pt x="4993" y="2324"/>
                  </a:lnTo>
                  <a:lnTo>
                    <a:pt x="4985" y="2376"/>
                  </a:lnTo>
                  <a:lnTo>
                    <a:pt x="4976" y="2428"/>
                  </a:lnTo>
                  <a:lnTo>
                    <a:pt x="4966" y="2479"/>
                  </a:lnTo>
                  <a:lnTo>
                    <a:pt x="4954" y="2528"/>
                  </a:lnTo>
                  <a:lnTo>
                    <a:pt x="4940" y="2576"/>
                  </a:lnTo>
                  <a:lnTo>
                    <a:pt x="4940" y="2576"/>
                  </a:lnTo>
                  <a:lnTo>
                    <a:pt x="4914" y="2668"/>
                  </a:lnTo>
                  <a:lnTo>
                    <a:pt x="4888" y="2755"/>
                  </a:lnTo>
                  <a:lnTo>
                    <a:pt x="4863" y="2837"/>
                  </a:lnTo>
                  <a:lnTo>
                    <a:pt x="4838" y="2913"/>
                  </a:lnTo>
                  <a:lnTo>
                    <a:pt x="4838" y="2913"/>
                  </a:lnTo>
                  <a:lnTo>
                    <a:pt x="4813" y="2982"/>
                  </a:lnTo>
                  <a:lnTo>
                    <a:pt x="4790" y="3043"/>
                  </a:lnTo>
                  <a:lnTo>
                    <a:pt x="4779" y="3070"/>
                  </a:lnTo>
                  <a:lnTo>
                    <a:pt x="4767" y="3096"/>
                  </a:lnTo>
                  <a:lnTo>
                    <a:pt x="4756" y="3119"/>
                  </a:lnTo>
                  <a:lnTo>
                    <a:pt x="4745" y="3141"/>
                  </a:lnTo>
                  <a:lnTo>
                    <a:pt x="4707" y="3223"/>
                  </a:lnTo>
                  <a:lnTo>
                    <a:pt x="4707" y="3223"/>
                  </a:lnTo>
                  <a:lnTo>
                    <a:pt x="4708" y="3233"/>
                  </a:lnTo>
                  <a:lnTo>
                    <a:pt x="4709" y="3249"/>
                  </a:lnTo>
                  <a:lnTo>
                    <a:pt x="4711" y="3305"/>
                  </a:lnTo>
                  <a:lnTo>
                    <a:pt x="4712" y="3386"/>
                  </a:lnTo>
                  <a:lnTo>
                    <a:pt x="4712" y="3497"/>
                  </a:lnTo>
                  <a:lnTo>
                    <a:pt x="4712" y="3497"/>
                  </a:lnTo>
                  <a:lnTo>
                    <a:pt x="4712" y="3614"/>
                  </a:lnTo>
                  <a:lnTo>
                    <a:pt x="4711" y="3717"/>
                  </a:lnTo>
                  <a:lnTo>
                    <a:pt x="4709" y="3808"/>
                  </a:lnTo>
                  <a:lnTo>
                    <a:pt x="4707" y="3885"/>
                  </a:lnTo>
                  <a:lnTo>
                    <a:pt x="4707" y="3885"/>
                  </a:lnTo>
                  <a:lnTo>
                    <a:pt x="4716" y="3865"/>
                  </a:lnTo>
                  <a:lnTo>
                    <a:pt x="4729" y="3841"/>
                  </a:lnTo>
                  <a:lnTo>
                    <a:pt x="4744" y="3814"/>
                  </a:lnTo>
                  <a:lnTo>
                    <a:pt x="4761" y="3785"/>
                  </a:lnTo>
                  <a:lnTo>
                    <a:pt x="4761" y="3785"/>
                  </a:lnTo>
                  <a:lnTo>
                    <a:pt x="4786" y="3747"/>
                  </a:lnTo>
                  <a:lnTo>
                    <a:pt x="4822" y="3695"/>
                  </a:lnTo>
                  <a:lnTo>
                    <a:pt x="4869" y="3630"/>
                  </a:lnTo>
                  <a:lnTo>
                    <a:pt x="4927" y="3551"/>
                  </a:lnTo>
                  <a:lnTo>
                    <a:pt x="4927" y="3551"/>
                  </a:lnTo>
                  <a:lnTo>
                    <a:pt x="4960" y="3508"/>
                  </a:lnTo>
                  <a:lnTo>
                    <a:pt x="4992" y="3467"/>
                  </a:lnTo>
                  <a:lnTo>
                    <a:pt x="5025" y="3426"/>
                  </a:lnTo>
                  <a:lnTo>
                    <a:pt x="5060" y="3386"/>
                  </a:lnTo>
                  <a:lnTo>
                    <a:pt x="5094" y="3348"/>
                  </a:lnTo>
                  <a:lnTo>
                    <a:pt x="5129" y="3310"/>
                  </a:lnTo>
                  <a:lnTo>
                    <a:pt x="5165" y="3272"/>
                  </a:lnTo>
                  <a:lnTo>
                    <a:pt x="5201" y="3236"/>
                  </a:lnTo>
                  <a:lnTo>
                    <a:pt x="5201" y="3236"/>
                  </a:lnTo>
                  <a:lnTo>
                    <a:pt x="5239" y="3199"/>
                  </a:lnTo>
                  <a:lnTo>
                    <a:pt x="5281" y="3163"/>
                  </a:lnTo>
                  <a:lnTo>
                    <a:pt x="5324" y="3125"/>
                  </a:lnTo>
                  <a:lnTo>
                    <a:pt x="5371" y="3089"/>
                  </a:lnTo>
                  <a:lnTo>
                    <a:pt x="5421" y="3051"/>
                  </a:lnTo>
                  <a:lnTo>
                    <a:pt x="5473" y="3012"/>
                  </a:lnTo>
                  <a:lnTo>
                    <a:pt x="5528" y="2974"/>
                  </a:lnTo>
                  <a:lnTo>
                    <a:pt x="5587" y="2934"/>
                  </a:lnTo>
                  <a:lnTo>
                    <a:pt x="5587" y="2934"/>
                  </a:lnTo>
                  <a:lnTo>
                    <a:pt x="5647" y="2896"/>
                  </a:lnTo>
                  <a:lnTo>
                    <a:pt x="5707" y="2860"/>
                  </a:lnTo>
                  <a:lnTo>
                    <a:pt x="5769" y="2827"/>
                  </a:lnTo>
                  <a:lnTo>
                    <a:pt x="5830" y="2795"/>
                  </a:lnTo>
                  <a:lnTo>
                    <a:pt x="5892" y="2766"/>
                  </a:lnTo>
                  <a:lnTo>
                    <a:pt x="5956" y="2740"/>
                  </a:lnTo>
                  <a:lnTo>
                    <a:pt x="6019" y="2715"/>
                  </a:lnTo>
                  <a:lnTo>
                    <a:pt x="6084" y="2692"/>
                  </a:lnTo>
                  <a:lnTo>
                    <a:pt x="6084" y="2692"/>
                  </a:lnTo>
                  <a:lnTo>
                    <a:pt x="6116" y="2682"/>
                  </a:lnTo>
                  <a:lnTo>
                    <a:pt x="6149" y="2673"/>
                  </a:lnTo>
                  <a:lnTo>
                    <a:pt x="6184" y="2664"/>
                  </a:lnTo>
                  <a:lnTo>
                    <a:pt x="6219" y="2656"/>
                  </a:lnTo>
                  <a:lnTo>
                    <a:pt x="6253" y="2648"/>
                  </a:lnTo>
                  <a:lnTo>
                    <a:pt x="6290" y="2642"/>
                  </a:lnTo>
                  <a:lnTo>
                    <a:pt x="6327" y="2636"/>
                  </a:lnTo>
                  <a:lnTo>
                    <a:pt x="6365" y="2631"/>
                  </a:lnTo>
                  <a:lnTo>
                    <a:pt x="6403" y="2626"/>
                  </a:lnTo>
                  <a:lnTo>
                    <a:pt x="6442" y="2622"/>
                  </a:lnTo>
                  <a:lnTo>
                    <a:pt x="6482" y="2619"/>
                  </a:lnTo>
                  <a:lnTo>
                    <a:pt x="6522" y="2617"/>
                  </a:lnTo>
                  <a:lnTo>
                    <a:pt x="6563" y="2615"/>
                  </a:lnTo>
                  <a:lnTo>
                    <a:pt x="6605" y="2614"/>
                  </a:lnTo>
                  <a:lnTo>
                    <a:pt x="6648" y="2614"/>
                  </a:lnTo>
                  <a:lnTo>
                    <a:pt x="6691" y="2614"/>
                  </a:lnTo>
                  <a:lnTo>
                    <a:pt x="6691" y="2614"/>
                  </a:lnTo>
                  <a:lnTo>
                    <a:pt x="6735" y="2615"/>
                  </a:lnTo>
                  <a:lnTo>
                    <a:pt x="6779" y="2617"/>
                  </a:lnTo>
                  <a:lnTo>
                    <a:pt x="6823" y="2620"/>
                  </a:lnTo>
                  <a:lnTo>
                    <a:pt x="6868" y="2624"/>
                  </a:lnTo>
                  <a:lnTo>
                    <a:pt x="6912" y="2629"/>
                  </a:lnTo>
                  <a:lnTo>
                    <a:pt x="6957" y="2634"/>
                  </a:lnTo>
                  <a:lnTo>
                    <a:pt x="7001" y="2641"/>
                  </a:lnTo>
                  <a:lnTo>
                    <a:pt x="7046" y="2649"/>
                  </a:lnTo>
                  <a:lnTo>
                    <a:pt x="7091" y="2658"/>
                  </a:lnTo>
                  <a:lnTo>
                    <a:pt x="7137" y="2667"/>
                  </a:lnTo>
                  <a:lnTo>
                    <a:pt x="7182" y="2678"/>
                  </a:lnTo>
                  <a:lnTo>
                    <a:pt x="7227" y="2689"/>
                  </a:lnTo>
                  <a:lnTo>
                    <a:pt x="7273" y="2702"/>
                  </a:lnTo>
                  <a:lnTo>
                    <a:pt x="7319" y="2715"/>
                  </a:lnTo>
                  <a:lnTo>
                    <a:pt x="7365" y="2729"/>
                  </a:lnTo>
                  <a:lnTo>
                    <a:pt x="7411" y="2744"/>
                  </a:lnTo>
                  <a:lnTo>
                    <a:pt x="7411" y="2744"/>
                  </a:lnTo>
                  <a:lnTo>
                    <a:pt x="7409" y="2797"/>
                  </a:lnTo>
                  <a:lnTo>
                    <a:pt x="7407" y="2849"/>
                  </a:lnTo>
                  <a:lnTo>
                    <a:pt x="7403" y="2900"/>
                  </a:lnTo>
                  <a:lnTo>
                    <a:pt x="7400" y="2951"/>
                  </a:lnTo>
                  <a:lnTo>
                    <a:pt x="7395" y="3002"/>
                  </a:lnTo>
                  <a:lnTo>
                    <a:pt x="7390" y="3051"/>
                  </a:lnTo>
                  <a:lnTo>
                    <a:pt x="7384" y="3100"/>
                  </a:lnTo>
                  <a:lnTo>
                    <a:pt x="7376" y="3148"/>
                  </a:lnTo>
                  <a:lnTo>
                    <a:pt x="7368" y="3196"/>
                  </a:lnTo>
                  <a:lnTo>
                    <a:pt x="7360" y="3243"/>
                  </a:lnTo>
                  <a:lnTo>
                    <a:pt x="7351" y="3289"/>
                  </a:lnTo>
                  <a:lnTo>
                    <a:pt x="7342" y="3335"/>
                  </a:lnTo>
                  <a:lnTo>
                    <a:pt x="7330" y="3380"/>
                  </a:lnTo>
                  <a:lnTo>
                    <a:pt x="7319" y="3425"/>
                  </a:lnTo>
                  <a:lnTo>
                    <a:pt x="7307" y="3469"/>
                  </a:lnTo>
                  <a:lnTo>
                    <a:pt x="7295" y="3513"/>
                  </a:lnTo>
                  <a:lnTo>
                    <a:pt x="7295" y="3513"/>
                  </a:lnTo>
                  <a:lnTo>
                    <a:pt x="7280" y="3555"/>
                  </a:lnTo>
                  <a:lnTo>
                    <a:pt x="7267" y="3597"/>
                  </a:lnTo>
                  <a:lnTo>
                    <a:pt x="7253" y="3638"/>
                  </a:lnTo>
                  <a:lnTo>
                    <a:pt x="7237" y="3678"/>
                  </a:lnTo>
                  <a:lnTo>
                    <a:pt x="7222" y="3717"/>
                  </a:lnTo>
                  <a:lnTo>
                    <a:pt x="7207" y="3755"/>
                  </a:lnTo>
                  <a:lnTo>
                    <a:pt x="7190" y="3792"/>
                  </a:lnTo>
                  <a:lnTo>
                    <a:pt x="7173" y="3828"/>
                  </a:lnTo>
                  <a:lnTo>
                    <a:pt x="7157" y="3862"/>
                  </a:lnTo>
                  <a:lnTo>
                    <a:pt x="7138" y="3896"/>
                  </a:lnTo>
                  <a:lnTo>
                    <a:pt x="7121" y="3930"/>
                  </a:lnTo>
                  <a:lnTo>
                    <a:pt x="7101" y="3962"/>
                  </a:lnTo>
                  <a:lnTo>
                    <a:pt x="7083" y="3992"/>
                  </a:lnTo>
                  <a:lnTo>
                    <a:pt x="7064" y="4023"/>
                  </a:lnTo>
                  <a:lnTo>
                    <a:pt x="7043" y="4053"/>
                  </a:lnTo>
                  <a:lnTo>
                    <a:pt x="7023" y="4080"/>
                  </a:lnTo>
                  <a:lnTo>
                    <a:pt x="7023" y="4080"/>
                  </a:lnTo>
                  <a:lnTo>
                    <a:pt x="6981" y="4136"/>
                  </a:lnTo>
                  <a:lnTo>
                    <a:pt x="6937" y="4189"/>
                  </a:lnTo>
                  <a:lnTo>
                    <a:pt x="6892" y="4240"/>
                  </a:lnTo>
                  <a:lnTo>
                    <a:pt x="6846" y="4289"/>
                  </a:lnTo>
                  <a:lnTo>
                    <a:pt x="6798" y="4337"/>
                  </a:lnTo>
                  <a:lnTo>
                    <a:pt x="6748" y="4382"/>
                  </a:lnTo>
                  <a:lnTo>
                    <a:pt x="6697" y="4426"/>
                  </a:lnTo>
                  <a:lnTo>
                    <a:pt x="6645" y="4469"/>
                  </a:lnTo>
                  <a:lnTo>
                    <a:pt x="6645" y="4469"/>
                  </a:lnTo>
                  <a:lnTo>
                    <a:pt x="6619" y="4490"/>
                  </a:lnTo>
                  <a:lnTo>
                    <a:pt x="6592" y="4509"/>
                  </a:lnTo>
                  <a:lnTo>
                    <a:pt x="6565" y="4529"/>
                  </a:lnTo>
                  <a:lnTo>
                    <a:pt x="6539" y="4547"/>
                  </a:lnTo>
                  <a:lnTo>
                    <a:pt x="6511" y="4565"/>
                  </a:lnTo>
                  <a:lnTo>
                    <a:pt x="6484" y="4582"/>
                  </a:lnTo>
                  <a:lnTo>
                    <a:pt x="6457" y="4598"/>
                  </a:lnTo>
                  <a:lnTo>
                    <a:pt x="6429" y="4614"/>
                  </a:lnTo>
                  <a:lnTo>
                    <a:pt x="6401" y="4629"/>
                  </a:lnTo>
                  <a:lnTo>
                    <a:pt x="6373" y="4643"/>
                  </a:lnTo>
                  <a:lnTo>
                    <a:pt x="6346" y="4658"/>
                  </a:lnTo>
                  <a:lnTo>
                    <a:pt x="6317" y="4670"/>
                  </a:lnTo>
                  <a:lnTo>
                    <a:pt x="6289" y="4683"/>
                  </a:lnTo>
                  <a:lnTo>
                    <a:pt x="6261" y="4695"/>
                  </a:lnTo>
                  <a:lnTo>
                    <a:pt x="6232" y="4706"/>
                  </a:lnTo>
                  <a:lnTo>
                    <a:pt x="6203" y="4716"/>
                  </a:lnTo>
                  <a:lnTo>
                    <a:pt x="6203" y="4716"/>
                  </a:lnTo>
                  <a:lnTo>
                    <a:pt x="6145" y="4737"/>
                  </a:lnTo>
                  <a:lnTo>
                    <a:pt x="6088" y="4755"/>
                  </a:lnTo>
                  <a:lnTo>
                    <a:pt x="6031" y="4773"/>
                  </a:lnTo>
                  <a:lnTo>
                    <a:pt x="5973" y="4790"/>
                  </a:lnTo>
                  <a:lnTo>
                    <a:pt x="5916" y="4805"/>
                  </a:lnTo>
                  <a:lnTo>
                    <a:pt x="5859" y="4821"/>
                  </a:lnTo>
                  <a:lnTo>
                    <a:pt x="5801" y="4834"/>
                  </a:lnTo>
                  <a:lnTo>
                    <a:pt x="5744" y="4847"/>
                  </a:lnTo>
                  <a:lnTo>
                    <a:pt x="5744" y="4847"/>
                  </a:lnTo>
                  <a:lnTo>
                    <a:pt x="5688" y="4858"/>
                  </a:lnTo>
                  <a:lnTo>
                    <a:pt x="5632" y="4869"/>
                  </a:lnTo>
                  <a:lnTo>
                    <a:pt x="5576" y="4877"/>
                  </a:lnTo>
                  <a:lnTo>
                    <a:pt x="5521" y="4884"/>
                  </a:lnTo>
                  <a:lnTo>
                    <a:pt x="5468" y="4890"/>
                  </a:lnTo>
                  <a:lnTo>
                    <a:pt x="5415" y="4894"/>
                  </a:lnTo>
                  <a:lnTo>
                    <a:pt x="5362" y="4897"/>
                  </a:lnTo>
                  <a:lnTo>
                    <a:pt x="5309" y="4898"/>
                  </a:lnTo>
                  <a:lnTo>
                    <a:pt x="5309" y="4898"/>
                  </a:lnTo>
                  <a:lnTo>
                    <a:pt x="5209" y="4899"/>
                  </a:lnTo>
                  <a:lnTo>
                    <a:pt x="5115" y="4898"/>
                  </a:lnTo>
                  <a:lnTo>
                    <a:pt x="5026" y="4896"/>
                  </a:lnTo>
                  <a:lnTo>
                    <a:pt x="4943" y="4893"/>
                  </a:lnTo>
                  <a:lnTo>
                    <a:pt x="4943" y="4893"/>
                  </a:lnTo>
                  <a:lnTo>
                    <a:pt x="4868" y="4888"/>
                  </a:lnTo>
                  <a:lnTo>
                    <a:pt x="4800" y="4883"/>
                  </a:lnTo>
                  <a:lnTo>
                    <a:pt x="4742" y="4876"/>
                  </a:lnTo>
                  <a:lnTo>
                    <a:pt x="4691" y="4869"/>
                  </a:lnTo>
                  <a:lnTo>
                    <a:pt x="4599" y="4852"/>
                  </a:lnTo>
                  <a:lnTo>
                    <a:pt x="4599" y="4852"/>
                  </a:lnTo>
                  <a:lnTo>
                    <a:pt x="4582" y="4952"/>
                  </a:lnTo>
                  <a:lnTo>
                    <a:pt x="4565" y="5051"/>
                  </a:lnTo>
                  <a:lnTo>
                    <a:pt x="4546" y="5150"/>
                  </a:lnTo>
                  <a:lnTo>
                    <a:pt x="4527" y="5248"/>
                  </a:lnTo>
                  <a:lnTo>
                    <a:pt x="4507" y="5346"/>
                  </a:lnTo>
                  <a:lnTo>
                    <a:pt x="4484" y="5443"/>
                  </a:lnTo>
                  <a:lnTo>
                    <a:pt x="4462" y="5540"/>
                  </a:lnTo>
                  <a:lnTo>
                    <a:pt x="4437" y="5636"/>
                  </a:lnTo>
                  <a:lnTo>
                    <a:pt x="4411" y="5732"/>
                  </a:lnTo>
                  <a:lnTo>
                    <a:pt x="4385" y="5828"/>
                  </a:lnTo>
                  <a:lnTo>
                    <a:pt x="4357" y="5922"/>
                  </a:lnTo>
                  <a:lnTo>
                    <a:pt x="4329" y="6017"/>
                  </a:lnTo>
                  <a:lnTo>
                    <a:pt x="4299" y="6111"/>
                  </a:lnTo>
                  <a:lnTo>
                    <a:pt x="4268" y="6204"/>
                  </a:lnTo>
                  <a:lnTo>
                    <a:pt x="4236" y="6298"/>
                  </a:lnTo>
                  <a:lnTo>
                    <a:pt x="4203" y="6390"/>
                  </a:lnTo>
                  <a:lnTo>
                    <a:pt x="4203" y="6390"/>
                  </a:lnTo>
                  <a:lnTo>
                    <a:pt x="4220" y="6369"/>
                  </a:lnTo>
                  <a:lnTo>
                    <a:pt x="4243" y="6346"/>
                  </a:lnTo>
                  <a:lnTo>
                    <a:pt x="4269" y="6319"/>
                  </a:lnTo>
                  <a:lnTo>
                    <a:pt x="4300" y="6289"/>
                  </a:lnTo>
                  <a:lnTo>
                    <a:pt x="4300" y="6289"/>
                  </a:lnTo>
                  <a:lnTo>
                    <a:pt x="4318" y="6272"/>
                  </a:lnTo>
                  <a:lnTo>
                    <a:pt x="4341" y="6253"/>
                  </a:lnTo>
                  <a:lnTo>
                    <a:pt x="4400" y="6202"/>
                  </a:lnTo>
                  <a:lnTo>
                    <a:pt x="4476" y="6141"/>
                  </a:lnTo>
                  <a:lnTo>
                    <a:pt x="4569" y="6066"/>
                  </a:lnTo>
                  <a:lnTo>
                    <a:pt x="4569" y="6066"/>
                  </a:lnTo>
                  <a:lnTo>
                    <a:pt x="4620" y="6027"/>
                  </a:lnTo>
                  <a:lnTo>
                    <a:pt x="4671" y="5988"/>
                  </a:lnTo>
                  <a:lnTo>
                    <a:pt x="4723" y="5952"/>
                  </a:lnTo>
                  <a:lnTo>
                    <a:pt x="4776" y="5916"/>
                  </a:lnTo>
                  <a:lnTo>
                    <a:pt x="4829" y="5880"/>
                  </a:lnTo>
                  <a:lnTo>
                    <a:pt x="4882" y="5846"/>
                  </a:lnTo>
                  <a:lnTo>
                    <a:pt x="4935" y="5813"/>
                  </a:lnTo>
                  <a:lnTo>
                    <a:pt x="4989" y="5782"/>
                  </a:lnTo>
                  <a:lnTo>
                    <a:pt x="4989" y="5782"/>
                  </a:lnTo>
                  <a:lnTo>
                    <a:pt x="5046" y="5751"/>
                  </a:lnTo>
                  <a:lnTo>
                    <a:pt x="5105" y="5720"/>
                  </a:lnTo>
                  <a:lnTo>
                    <a:pt x="5167" y="5691"/>
                  </a:lnTo>
                  <a:lnTo>
                    <a:pt x="5233" y="5662"/>
                  </a:lnTo>
                  <a:lnTo>
                    <a:pt x="5302" y="5633"/>
                  </a:lnTo>
                  <a:lnTo>
                    <a:pt x="5375" y="5607"/>
                  </a:lnTo>
                  <a:lnTo>
                    <a:pt x="5451" y="5579"/>
                  </a:lnTo>
                  <a:lnTo>
                    <a:pt x="5529" y="5553"/>
                  </a:lnTo>
                  <a:lnTo>
                    <a:pt x="5529" y="5553"/>
                  </a:lnTo>
                  <a:lnTo>
                    <a:pt x="5570" y="5541"/>
                  </a:lnTo>
                  <a:lnTo>
                    <a:pt x="5610" y="5529"/>
                  </a:lnTo>
                  <a:lnTo>
                    <a:pt x="5651" y="5518"/>
                  </a:lnTo>
                  <a:lnTo>
                    <a:pt x="5691" y="5507"/>
                  </a:lnTo>
                  <a:lnTo>
                    <a:pt x="5731" y="5498"/>
                  </a:lnTo>
                  <a:lnTo>
                    <a:pt x="5771" y="5490"/>
                  </a:lnTo>
                  <a:lnTo>
                    <a:pt x="5811" y="5482"/>
                  </a:lnTo>
                  <a:lnTo>
                    <a:pt x="5851" y="5475"/>
                  </a:lnTo>
                  <a:lnTo>
                    <a:pt x="5890" y="5468"/>
                  </a:lnTo>
                  <a:lnTo>
                    <a:pt x="5930" y="5462"/>
                  </a:lnTo>
                  <a:lnTo>
                    <a:pt x="5970" y="5457"/>
                  </a:lnTo>
                  <a:lnTo>
                    <a:pt x="6010" y="5453"/>
                  </a:lnTo>
                  <a:lnTo>
                    <a:pt x="6049" y="5450"/>
                  </a:lnTo>
                  <a:lnTo>
                    <a:pt x="6089" y="5447"/>
                  </a:lnTo>
                  <a:lnTo>
                    <a:pt x="6129" y="5446"/>
                  </a:lnTo>
                  <a:lnTo>
                    <a:pt x="6168" y="5445"/>
                  </a:lnTo>
                  <a:lnTo>
                    <a:pt x="6168" y="5445"/>
                  </a:lnTo>
                  <a:lnTo>
                    <a:pt x="6207" y="5445"/>
                  </a:lnTo>
                  <a:lnTo>
                    <a:pt x="6247" y="5445"/>
                  </a:lnTo>
                  <a:lnTo>
                    <a:pt x="6288" y="5447"/>
                  </a:lnTo>
                  <a:lnTo>
                    <a:pt x="6329" y="5450"/>
                  </a:lnTo>
                  <a:lnTo>
                    <a:pt x="6371" y="5455"/>
                  </a:lnTo>
                  <a:lnTo>
                    <a:pt x="6414" y="5460"/>
                  </a:lnTo>
                  <a:lnTo>
                    <a:pt x="6457" y="5466"/>
                  </a:lnTo>
                  <a:lnTo>
                    <a:pt x="6500" y="5474"/>
                  </a:lnTo>
                  <a:lnTo>
                    <a:pt x="6544" y="5483"/>
                  </a:lnTo>
                  <a:lnTo>
                    <a:pt x="6589" y="5492"/>
                  </a:lnTo>
                  <a:lnTo>
                    <a:pt x="6634" y="5502"/>
                  </a:lnTo>
                  <a:lnTo>
                    <a:pt x="6680" y="5515"/>
                  </a:lnTo>
                  <a:lnTo>
                    <a:pt x="6726" y="5527"/>
                  </a:lnTo>
                  <a:lnTo>
                    <a:pt x="6773" y="5541"/>
                  </a:lnTo>
                  <a:lnTo>
                    <a:pt x="6820" y="5557"/>
                  </a:lnTo>
                  <a:lnTo>
                    <a:pt x="6868" y="5572"/>
                  </a:lnTo>
                  <a:lnTo>
                    <a:pt x="6868" y="5572"/>
                  </a:lnTo>
                  <a:lnTo>
                    <a:pt x="6916" y="5589"/>
                  </a:lnTo>
                  <a:lnTo>
                    <a:pt x="6964" y="5608"/>
                  </a:lnTo>
                  <a:lnTo>
                    <a:pt x="7011" y="5628"/>
                  </a:lnTo>
                  <a:lnTo>
                    <a:pt x="7059" y="5649"/>
                  </a:lnTo>
                  <a:lnTo>
                    <a:pt x="7106" y="5670"/>
                  </a:lnTo>
                  <a:lnTo>
                    <a:pt x="7154" y="5694"/>
                  </a:lnTo>
                  <a:lnTo>
                    <a:pt x="7201" y="5718"/>
                  </a:lnTo>
                  <a:lnTo>
                    <a:pt x="7247" y="5744"/>
                  </a:lnTo>
                  <a:lnTo>
                    <a:pt x="7293" y="5771"/>
                  </a:lnTo>
                  <a:lnTo>
                    <a:pt x="7340" y="5799"/>
                  </a:lnTo>
                  <a:lnTo>
                    <a:pt x="7386" y="5829"/>
                  </a:lnTo>
                  <a:lnTo>
                    <a:pt x="7431" y="5860"/>
                  </a:lnTo>
                  <a:lnTo>
                    <a:pt x="7477" y="5891"/>
                  </a:lnTo>
                  <a:lnTo>
                    <a:pt x="7522" y="5924"/>
                  </a:lnTo>
                  <a:lnTo>
                    <a:pt x="7567" y="5958"/>
                  </a:lnTo>
                  <a:lnTo>
                    <a:pt x="7612" y="5994"/>
                  </a:lnTo>
                  <a:lnTo>
                    <a:pt x="7612" y="5994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pic>
        <p:nvPicPr>
          <p:cNvPr id="30" name="Billede 29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138799" y="398182"/>
            <a:ext cx="1789849" cy="989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031790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jha\AppData\Local\Temp\Templafy\PowerPointVsto\Assets\76f75950-8a1b-478f-b4cf-98d37d437d44.jpeg"/>
  <p:tag name="TEMPLAFYSLIDEID" val="63714691075910217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60632745516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6960195445659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dh\AppData\Local\Temp\Templafy\PowerPointVsto\Assets\d72b7764-8c67-437b-a055-bcec82937c3a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dh\AppData\Local\Temp\Templafy\PowerPointVsto\Assets\download_media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jha\AppData\Local\Temp\Templafy\PowerPointVsto\Assets\b896eabc-bdd5-4c83-998d-cc4fec26a302.jpeg"/>
  <p:tag name="TEMPLAFYSLIDEID" val="63714691075910217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894725275290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85287318185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894725290929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8947253533978"/>
</p:tagLst>
</file>

<file path=ppt/theme/theme1.xml><?xml version="1.0" encoding="utf-8"?>
<a:theme xmlns:a="http://schemas.openxmlformats.org/drawingml/2006/main" name="Blank">
  <a:themeElements>
    <a:clrScheme name="Vækstfonden">
      <a:dk1>
        <a:srgbClr val="000000"/>
      </a:dk1>
      <a:lt1>
        <a:sysClr val="window" lastClr="FFFFFF"/>
      </a:lt1>
      <a:dk2>
        <a:srgbClr val="99CA3C"/>
      </a:dk2>
      <a:lt2>
        <a:srgbClr val="F1EEED"/>
      </a:lt2>
      <a:accent1>
        <a:srgbClr val="8AA855"/>
      </a:accent1>
      <a:accent2>
        <a:srgbClr val="39570C"/>
      </a:accent2>
      <a:accent3>
        <a:srgbClr val="B1B3B6"/>
      </a:accent3>
      <a:accent4>
        <a:srgbClr val="95979A"/>
      </a:accent4>
      <a:accent5>
        <a:srgbClr val="4D4D4F"/>
      </a:accent5>
      <a:accent6>
        <a:srgbClr val="E86828"/>
      </a:accent6>
      <a:hlink>
        <a:srgbClr val="0563C1"/>
      </a:hlink>
      <a:folHlink>
        <a:srgbClr val="954F72"/>
      </a:folHlink>
    </a:clrScheme>
    <a:fontScheme name="Brugerdefineret 7">
      <a:majorFont>
        <a:latin typeface="Museo Slab 500"/>
        <a:ea typeface=""/>
        <a:cs typeface=""/>
      </a:majorFont>
      <a:minorFont>
        <a:latin typeface="Museo Slab 500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lIns="0" tIns="0" rIns="0" bIns="0" rtlCol="0">
        <a:sp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Vækstfonden 2.0.pptx [Skrivebeskyttet]" id="{35F65620-5CC8-4CB3-815F-9877DDD96A35}" vid="{5972B836-B541-4523-8206-11957C1DBC7B}"/>
    </a:ext>
  </a:extLst>
</a:theme>
</file>

<file path=ppt/theme/theme2.xml><?xml version="1.0" encoding="utf-8"?>
<a:theme xmlns:a="http://schemas.openxmlformats.org/drawingml/2006/main" name="1_Blank">
  <a:themeElements>
    <a:clrScheme name="Vækstfonden">
      <a:dk1>
        <a:srgbClr val="000000"/>
      </a:dk1>
      <a:lt1>
        <a:sysClr val="window" lastClr="FFFFFF"/>
      </a:lt1>
      <a:dk2>
        <a:srgbClr val="99CA3C"/>
      </a:dk2>
      <a:lt2>
        <a:srgbClr val="F1EEED"/>
      </a:lt2>
      <a:accent1>
        <a:srgbClr val="8AA855"/>
      </a:accent1>
      <a:accent2>
        <a:srgbClr val="39570C"/>
      </a:accent2>
      <a:accent3>
        <a:srgbClr val="B1B3B6"/>
      </a:accent3>
      <a:accent4>
        <a:srgbClr val="95979A"/>
      </a:accent4>
      <a:accent5>
        <a:srgbClr val="4D4D4F"/>
      </a:accent5>
      <a:accent6>
        <a:srgbClr val="E86828"/>
      </a:accent6>
      <a:hlink>
        <a:srgbClr val="0563C1"/>
      </a:hlink>
      <a:folHlink>
        <a:srgbClr val="954F72"/>
      </a:folHlink>
    </a:clrScheme>
    <a:fontScheme name="Brugerdefineret 7">
      <a:majorFont>
        <a:latin typeface="Museo Slab 500"/>
        <a:ea typeface=""/>
        <a:cs typeface=""/>
      </a:majorFont>
      <a:minorFont>
        <a:latin typeface="Museo Slab 500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lIns="0" tIns="0" rIns="0" bIns="0" rtlCol="0">
        <a:sp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Vækstfonden 2.0.pptx [Skrivebeskyttet]" id="{35F65620-5CC8-4CB3-815F-9877DDD96A35}" vid="{5972B836-B541-4523-8206-11957C1DBC7B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525" row="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8B9D7EA0-3523-4A05-862B-E9E734CDACC5}">
  <we:reference id="f1abd87f-a3ba-42fb-91d5-100000000000" version="1.0.0.6" store="EXCatalog" storeType="EXCatalog"/>
  <we:alternateReferences>
    <we:reference id="WA104380278" version="1.0.0.6" store="da-DK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8E1630FDF0270E4B8087AFC2AEA71BBD" ma:contentTypeVersion="1" ma:contentTypeDescription="Opret et nyt dokument." ma:contentTypeScope="" ma:versionID="007734ce05d938f27523a603dc1f82fe">
  <xsd:schema xmlns:xsd="http://www.w3.org/2001/XMLSchema" xmlns:xs="http://www.w3.org/2001/XMLSchema" xmlns:p="http://schemas.microsoft.com/office/2006/metadata/properties" xmlns:ns2="21d71d7e-d281-4139-bbe5-811c715fb378" targetNamespace="http://schemas.microsoft.com/office/2006/metadata/properties" ma:root="true" ma:fieldsID="9421e12bb413d7bc98a87222e4aa6117" ns2:_="">
    <xsd:import namespace="21d71d7e-d281-4139-bbe5-811c715fb378"/>
    <xsd:element name="properties">
      <xsd:complexType>
        <xsd:sequence>
          <xsd:element name="documentManagement">
            <xsd:complexType>
              <xsd:all>
                <xsd:element ref="ns2:SharedWithUser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d71d7e-d281-4139-bbe5-811c715fb378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Delt med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B771851-5209-4A23-BFD9-6F56D36B72C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C6573FE-0C31-4D76-A1E1-00DF4ABB173E}">
  <ds:schemaRefs>
    <ds:schemaRef ds:uri="http://www.w3.org/XML/1998/namespace"/>
    <ds:schemaRef ds:uri="http://purl.org/dc/terms/"/>
    <ds:schemaRef ds:uri="http://schemas.microsoft.com/office/2006/metadata/properties"/>
    <ds:schemaRef ds:uri="http://schemas.microsoft.com/office/2006/documentManagement/types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21d71d7e-d281-4139-bbe5-811c715fb378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450186F3-CBB2-42EB-BB19-3819D43929C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d71d7e-d281-4139-bbe5-811c715fb37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629</TotalTime>
  <Words>479</Words>
  <Application>Microsoft Office PowerPoint</Application>
  <PresentationFormat>Widescreen</PresentationFormat>
  <Paragraphs>119</Paragraphs>
  <Slides>10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2</vt:i4>
      </vt:variant>
      <vt:variant>
        <vt:lpstr>Slidetitler</vt:lpstr>
      </vt:variant>
      <vt:variant>
        <vt:i4>10</vt:i4>
      </vt:variant>
    </vt:vector>
  </HeadingPairs>
  <TitlesOfParts>
    <vt:vector size="18" baseType="lpstr">
      <vt:lpstr>Wingdings</vt:lpstr>
      <vt:lpstr>VF Museo Rounded For Office</vt:lpstr>
      <vt:lpstr>Museo Slab 500</vt:lpstr>
      <vt:lpstr>Verdana</vt:lpstr>
      <vt:lpstr>Calibri</vt:lpstr>
      <vt:lpstr>Arial</vt:lpstr>
      <vt:lpstr>Blank</vt:lpstr>
      <vt:lpstr>1_Blank</vt:lpstr>
      <vt:lpstr>Vækstfonden – statens finansieringsfond</vt:lpstr>
      <vt:lpstr>Hvem er vi?</vt:lpstr>
      <vt:lpstr>Vækstfondens formål</vt:lpstr>
      <vt:lpstr>Sådan fungerer Vækstfonden </vt:lpstr>
      <vt:lpstr>Aktiviteter og effekter af Vækstfondens  medfinansiering siden 1992</vt:lpstr>
      <vt:lpstr>Kreative kroner</vt:lpstr>
      <vt:lpstr>Vi er med hele vejen  -med finansieringsløsninger,  der passer til dig</vt:lpstr>
      <vt:lpstr>Vores finansiering afspejler  virksomhedens behov</vt:lpstr>
      <vt:lpstr>Hvad lægger vi vægt på?</vt:lpstr>
      <vt:lpstr>Vi vil gerne i dialog med jer</vt:lpstr>
    </vt:vector>
  </TitlesOfParts>
  <Company>Vaekstfonde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Thomas Blaabjerg</dc:creator>
  <cp:lastModifiedBy>Trine Løve</cp:lastModifiedBy>
  <cp:revision>8</cp:revision>
  <dcterms:created xsi:type="dcterms:W3CDTF">2021-06-04T06:23:54Z</dcterms:created>
  <dcterms:modified xsi:type="dcterms:W3CDTF">2021-09-23T15:51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 ">
    <vt:lpwstr>www.skabelondesign.dk</vt:lpwstr>
  </property>
  <property fmtid="{D5CDD505-2E9C-101B-9397-08002B2CF9AE}" pid="3" name="TemplafyTimeStamp">
    <vt:lpwstr>2018-03-26T08:23:29.8870358</vt:lpwstr>
  </property>
  <property fmtid="{D5CDD505-2E9C-101B-9397-08002B2CF9AE}" pid="4" name="ContentTypeId">
    <vt:lpwstr>0x0101008E1630FDF0270E4B8087AFC2AEA71BBD</vt:lpwstr>
  </property>
</Properties>
</file>